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4. Juraj\09 - 2021 - 499., 064. (Príprava) Echokardiografický prístroj 2ks\03. Príprava\04. PTK\04. Odoslanie PTK 2\"/>
    </mc:Choice>
  </mc:AlternateContent>
  <bookViews>
    <workbookView xWindow="0" yWindow="0" windowWidth="23040" windowHeight="9195"/>
  </bookViews>
  <sheets>
    <sheet name="Cenová ponuka" sheetId="8" r:id="rId1"/>
  </sheets>
  <definedNames>
    <definedName name="_xlnm.Print_Area" localSheetId="0">'Cenová ponuka'!$B$1:$F$307</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34" i="8" l="1"/>
  <c r="F33" i="8"/>
</calcChain>
</file>

<file path=xl/sharedStrings.xml><?xml version="1.0" encoding="utf-8"?>
<sst xmlns="http://schemas.openxmlformats.org/spreadsheetml/2006/main" count="542" uniqueCount="342">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Položka č. 2</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33112340-3   Echokardiografy</t>
  </si>
  <si>
    <t>51410000-9   Inštalácia lekárskych zariadení</t>
  </si>
  <si>
    <t>50421000-2   Opravy a údržba lekárskych zariadení</t>
  </si>
  <si>
    <t>33141641-5   Sondy</t>
  </si>
  <si>
    <t>Položka č. 3</t>
  </si>
  <si>
    <t>Položka č. 4</t>
  </si>
  <si>
    <t>2.1</t>
  </si>
  <si>
    <t>2.2</t>
  </si>
  <si>
    <t>7.</t>
  </si>
  <si>
    <t>12.</t>
  </si>
  <si>
    <t>13.</t>
  </si>
  <si>
    <t>15.</t>
  </si>
  <si>
    <t>16.</t>
  </si>
  <si>
    <t>17.</t>
  </si>
  <si>
    <t>18.</t>
  </si>
  <si>
    <t>19.</t>
  </si>
  <si>
    <t>20.</t>
  </si>
  <si>
    <t>21.</t>
  </si>
  <si>
    <t>22.</t>
  </si>
  <si>
    <t>23.</t>
  </si>
  <si>
    <t>xxx</t>
  </si>
  <si>
    <t>Požaduje sa uzatvorenie kúpnej zmluvy.</t>
  </si>
  <si>
    <t>v pracovných dňoch,</t>
  </si>
  <si>
    <t>v čase od 08:00 hod. do 14:30 hod.,</t>
  </si>
  <si>
    <t>2.3</t>
  </si>
  <si>
    <t>2.4</t>
  </si>
  <si>
    <t>2.5</t>
  </si>
  <si>
    <t>2.6</t>
  </si>
  <si>
    <t>5.1</t>
  </si>
  <si>
    <t>5.2</t>
  </si>
  <si>
    <t>5.3</t>
  </si>
  <si>
    <t>5.4</t>
  </si>
  <si>
    <t>5.5</t>
  </si>
  <si>
    <t>Súčasťou záväzku dodávateľa podľa bodu 2. je zároveň poskytnutie písomných dokladov potrebných pre riadne a bezchybné použitie zariadenia na stanovený účel, a to najmä, no nie len:</t>
  </si>
  <si>
    <t>návod na použitie zariadenia v slovenskom jazyku (resp. v českom jazyku),</t>
  </si>
  <si>
    <t>záručný list,</t>
  </si>
  <si>
    <t>preberací (akceptačný) protokol,</t>
  </si>
  <si>
    <t>inštalačný protokol,</t>
  </si>
  <si>
    <t>protokol o zaškolení zamestnancov objednávateľa s obsluhou prístroja.</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vykonanie ďalších servisných úkonov a činností predpísaných príslušnou právnou úpravou a aplikovateľnými normami,</t>
  </si>
  <si>
    <t>vykonanie akýchkoľvek neplánovaných opráv a údržby, ktoré nevyplývajú zo servisného plánu výrobcu zariadenia, ak takáto oprava je nevyhnutná za účelom zabezpečenia prevádzky zariadenia, vrátane generálnej opravy,</t>
  </si>
  <si>
    <t>Dodávateľ je povinný počas trvania záručnej doby odstrániť vady v nasledujúcich lehotách od nástupu na opravu:</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4.</t>
  </si>
  <si>
    <t>25.</t>
  </si>
  <si>
    <t>Echokardiografický prístroj pre Kliniku angiológie a echokardiografický prístroj pre Kardiochirurgiu - Operačné sály vrátane pozáručného servisu</t>
  </si>
  <si>
    <t xml:space="preserve">Echokardiografický prístroj pre Kliniku angiológie </t>
  </si>
  <si>
    <t>Echokardiografický prístroj pre Kardiochirurgiu - Operačné sály</t>
  </si>
  <si>
    <t>mesiac</t>
  </si>
  <si>
    <t>2x prémiový echokardiografický prístroj najvyššej triedy s možnosťou trojrozmerného zobrazenia transtorakálne 3D TTE a transezofágove 3D TEE, s funkciou Stress echo a vaskulárnym programom pre dospelých pacientov vrátane príslušenstva a pozáručného servisu.</t>
  </si>
  <si>
    <t xml:space="preserve">Položka č. 1 - Echokardiografický prístroj pre Kliniku angiológie </t>
  </si>
  <si>
    <t>Počet digitálne spracovaných kanálov:  Min. 7 000 000</t>
  </si>
  <si>
    <t>Dynamický rozsah prístroja:  Min. 320 dB</t>
  </si>
  <si>
    <t>Max. vzorkovacia frekvencia pre 2D zobrazenie:   Min. 2800 fps</t>
  </si>
  <si>
    <t>Počet aktívnych portov pre pripojenie sond:   Min. 4</t>
  </si>
  <si>
    <t>Plochý OLED monitor na artikulačnom ramene s uhlopriečkou:   Min. 21, 5 palcov</t>
  </si>
  <si>
    <t>Línie skladania obrazu (compounding)</t>
  </si>
  <si>
    <t>Ovládanie pomocou podsvietených aktívnych tlačidiel a pomocou farebného dotykového ovládacieho panela o veľkosti:   Min. 12 palcov</t>
  </si>
  <si>
    <t>Ovládací panel smerovo nastaviteľný</t>
  </si>
  <si>
    <t>Ovládací panel výškovo nastaviteľný:   Min. 0 – 20 cm</t>
  </si>
  <si>
    <t>Hĺbka zobrazenia:   Min. 40 cm</t>
  </si>
  <si>
    <t>Kapacita interného disku:   Min. 1 TB</t>
  </si>
  <si>
    <t>Širokopásmová technológia vysielania ultrazvukového signálu – sondy vysielajú a prijímajú naraz frekvencie celého ich frekvenčného pásma</t>
  </si>
  <si>
    <t>Možnosť nastavenia individuálnych prednastavení pre každý typ sondy</t>
  </si>
  <si>
    <t xml:space="preserve">Funkcia redukcie šumu „SPECKLE“ </t>
  </si>
  <si>
    <t>Funkcia automatického nastavenia obrazu s adaptívnou kompenzáciou zisku v 2D režime</t>
  </si>
  <si>
    <t>Štandardné zobrazovacie režimy: 2D,CFM, PW, CW, TDI, anatomický M mód, M mód,  3D/4D, real time biplanárne zobrazenie</t>
  </si>
  <si>
    <t>Energetický doppler s rozlíšením smeru toku</t>
  </si>
  <si>
    <t>Režimy objemového zobrazenia: live 3D zoom, full volume, 3D CFM, cropping, ortogonálne flexibilné MPR zobrazenie, protiľahlé rezy</t>
  </si>
  <si>
    <t>HD zoom kontinuálny zoom:   Min. 16x</t>
  </si>
  <si>
    <t>Kardiologický SW s meraniami a kalkuláciami</t>
  </si>
  <si>
    <t>Stress echo</t>
  </si>
  <si>
    <t>26.</t>
  </si>
  <si>
    <t>27.</t>
  </si>
  <si>
    <t>28.</t>
  </si>
  <si>
    <t>29.</t>
  </si>
  <si>
    <t>Automatický výpočet EF a objemu ĽK a ĽP z 3D zobrazenia vychádzajúci zo znalostnej bázy</t>
  </si>
  <si>
    <t>Kvantifikácia ĽK so semiautomatickou detekciou hraníc myokardu, prístroj musí byť schopný analýzy pohybov srdcového svalu na základe „SPECKLE“ tracking metódy (kardio strain) s možnosťou zobrazenia výsledku vo formáte tzv. „bull eye“ .</t>
  </si>
  <si>
    <t>Kvantifikácia ĽK so semiautomatickou detekciou hraníc myokardu, prístroj umožňuje semiautomatickú analýzu ľavej komory. Automatický výpočet EF, výpočet objemov na konci systoly a diastoly, výpočet Simpsonovou metódou</t>
  </si>
  <si>
    <t xml:space="preserve">SW umožňuje modelovanie a analýzu mitrálnej chlopne z dát zosnímaných pri objemovom 4D TEE vyšetrovaní  </t>
  </si>
  <si>
    <t>SW, ktorý umožňuje na základe znalostnej databázy automatické rozpoznanie štruktúr srdca, detekovať jeho segmenty a analyzovať ľavú komoru a ľavú predsieň, ako aj automatický vypočítať ich objemov a tiež EDV a ESV. SW automaticky zobrazuje 2D roviny ľavej komory a predsiene z aplikálneho pohľadu ako aj z krátkej osi, detekuje a vyznačuje hranice komôr srdca a vytvára model srdca</t>
  </si>
  <si>
    <t>Balík nadštandardných programov:</t>
  </si>
  <si>
    <t>SW pre analýzu objemových dát umožňujúci 2D merania na zosnímaných 3D dátach ako aj vytváranie multiplanárnych rekonštrukcií</t>
  </si>
  <si>
    <t>SW pre analýzu objemových dát ľavej komory, umožňujúci objemové a časové analýzy, 3D rendering, meranie tzv. true 3D objemu a EF ĽK</t>
  </si>
  <si>
    <t>Plne automatizovaný SW na meranie globálneho longitudálneho strainu ľavej predsiene (LA) stlačením jedného tlačidla. Poskytuje merania LA GLS v rôznych fázach srdcového cyklu, Podporuje snímky s alebo bez EKG.</t>
  </si>
  <si>
    <t>Plne automatizovaný nástroj na meranie globálnej pozdĺžnej deformácie pravej komory (RV) stlačením jedného tlačidla. Podporuje snímky s alebo bez EKG.</t>
  </si>
  <si>
    <t>SW umožňujúci záťažové vyšetrenia tzv. stress echo s možnosťou vyhodnotenia kinetiky myokradu na základe metódy „speckle tracking“</t>
  </si>
  <si>
    <t>vytváranie modelu mitrálnej chlopne</t>
  </si>
  <si>
    <t>SW pre vyšetrenia s kontrastnými látkami a vyhodnotením časového nárastu intenzity kontrastu</t>
  </si>
  <si>
    <t>SW umožňujúci globálne hodnotenie ĽK a LP (objemové analýzy, EF, AFF...) s EKG aj bez potreby EKG z 2D ako aj biplane nasnímaných dát</t>
  </si>
  <si>
    <t>Fotorealistická technológia vykresľovania 3D obrazu, ktorá napodobňuje šírenie svetla v tkanive. Zahŕňa svetelný zdroj, ktorým je možné pohybovať kdekoľvek v rámci 3D datasetov. Tento nástroj musí byť k dispozícii v režime Live imaging, ako aj v režime Rewiew, na transtorakálnej aj transezofageálnej matrixovej sonde. Zároveň umožňuje manipuláciu s 3D datasetmi na dotykovej obrazovke.</t>
  </si>
  <si>
    <t>30.</t>
  </si>
  <si>
    <t>Ukladanie obrázkov a slučiek bez potreby zadania demografických údajov pacienta: generovanie vlastného ID</t>
  </si>
  <si>
    <t>31.</t>
  </si>
  <si>
    <t>Video výstup s rozlíšením:   Min. 1920 x 1080</t>
  </si>
  <si>
    <t>Archivácia obrázkov a slučiek vo formátoch na ďalšie spracovanie dát a vo formátoch pre prezeranie na PC, min. BMP/JPEG, AVI, DICOM 3.0, DICOM pripojenie na PACS, wifi a surové dáta s pripojením na PC workstation</t>
  </si>
  <si>
    <t>32.</t>
  </si>
  <si>
    <t>33.</t>
  </si>
  <si>
    <t>34.</t>
  </si>
  <si>
    <t>Čiernobiela tlačiareň na termocitlivý papier</t>
  </si>
  <si>
    <t>Príslušenstvo:</t>
  </si>
  <si>
    <t>Sektorová monokryštalická matrixová sonda:</t>
  </si>
  <si>
    <t>schopná 2D a live 3D zobrazenia</t>
  </si>
  <si>
    <t>TEE matrixová sonda:</t>
  </si>
  <si>
    <t xml:space="preserve">schopná 2D/3D/4D zobrazenia </t>
  </si>
  <si>
    <t xml:space="preserve">s počtom elementov minim. 2500 </t>
  </si>
  <si>
    <t xml:space="preserve">Lineárna sonda pre cievne vyšetrenia </t>
  </si>
  <si>
    <t xml:space="preserve">s počtom elementov minim. 160 </t>
  </si>
  <si>
    <t>Položka č. 2 - Echokardiografický prístroj pre Kardiochirurgiu - Operačné sály</t>
  </si>
  <si>
    <t>Konvexná širokopásmová monokryštalická sonda</t>
  </si>
  <si>
    <t>s vysokou kvalitou zobrazovania v hĺbke</t>
  </si>
  <si>
    <t>s počtom elementov najmenej 160</t>
  </si>
  <si>
    <t>s kontrastným aj harmonickým zobrazovaním</t>
  </si>
  <si>
    <t>s rozsahom najmenej 1,4-4 MHz</t>
  </si>
  <si>
    <t>Lineárna ultra širokopásmová sonda</t>
  </si>
  <si>
    <t>s technológiou vysokej kvality zobrazenia aj harmonického zobrazenia</t>
  </si>
  <si>
    <t>musí umožňovať zobrazenie 2D, PW, CW, SFM, high-PRF</t>
  </si>
  <si>
    <t>musí umožňovať zobrazenie 2D, 3D,  PW, color doppler</t>
  </si>
  <si>
    <t xml:space="preserve">Sonda musí podporovať technológiu energetického dopplera s rozlíšením smeru toku, technológiu skladania obrazu z viacerých línií a technológiu redukcie  ultrazvukových artefaktov a umožňovať navigáciu pri punkciách. </t>
  </si>
  <si>
    <t>Sonda musí podporovať technológiu skladania obrazu z viacerých línií a technológiu redukcie ultrazvukových artefaktov a umožňovať navigáciu pri punkciách.</t>
  </si>
  <si>
    <t>Sonda musí umožňovať kontrastné zobrazenie a multivariačné harmonické, alebo harmonické zobrazenie.</t>
  </si>
  <si>
    <t xml:space="preserve">Určená pre brušné vaskulárne a intervenčné vyšetrenia dospelých aj detí. </t>
  </si>
  <si>
    <t>Určená pre brušné vaskulárne a intervenčné vyšetrenia dospelých aj detí.</t>
  </si>
  <si>
    <t>Sektorová matrixová monokryštalická sonda</t>
  </si>
  <si>
    <t>s technológiou vysokej kvality zobrazenia v hĺbke aj harmonického zobrazenia vrátane LVO</t>
  </si>
  <si>
    <t>s rozsahom najmenej 1,4-5 MHz</t>
  </si>
  <si>
    <t xml:space="preserve">musí umožňovať zobrazenie 2D, 3D, PW, CW, High-PRF, tissue doppler aj color doppler.  </t>
  </si>
  <si>
    <t>Sonda musí podporovať elektronickú rotáciu rovín obrazu o 180 stupńov, technológiu redukcie ultrazvukových artefaktov a 3D/4D ako aj 3D color zobrazenie.</t>
  </si>
  <si>
    <t xml:space="preserve">musí umožňovať rotáciu 0-360 stupňov. </t>
  </si>
  <si>
    <t>Požaduje sa poskytovať službu (pozáručný servis) najmä v nasledovnom rozsahu:</t>
  </si>
  <si>
    <t>preventívna údržba systémov v počte 1-2 pracovných dní za kalendárny rok v rozsahu podľa manuálu určeného výrobcom systému,</t>
  </si>
  <si>
    <t>za účelom vykonania preventívnej údržby si zmluvné strany po uzatvorení zmluvy vypracujú Plán údržby, v ktorom sa dohodnú na termínoch pre preventívnu údržbu,</t>
  </si>
  <si>
    <t>1.1</t>
  </si>
  <si>
    <t>zmenu týchto termínov je možné uskutočniť len vzájomnou dohodou zmluvných strán, pričom takéto zmeny musia byť dohodnuté vždy včas, aby nebola narušená prevádzka objednávateľa.</t>
  </si>
  <si>
    <t>1.2</t>
  </si>
  <si>
    <t>všetky práce spojené s opravami systémov,</t>
  </si>
  <si>
    <t>udržiavanie prevádzkyschopnosti hardwarovej časti systémov,</t>
  </si>
  <si>
    <t>elektrické revízie 1x ročne v zmysle platných právnych predpisov,</t>
  </si>
  <si>
    <t>za účelom vykonania povinných revízií si zmluvné strany do 30 kalendárnych dní po uzatvorení zmluvy vypracujú Plán revízie, v ktorom sa dohodnú na termínoch vykonanie revízie (jednotlivé termíny zmluvné strany dohodnú tak, aby bola zabezpečená ich kontinuita),</t>
  </si>
  <si>
    <t>Pozáručný servis pre položku č.1</t>
  </si>
  <si>
    <t>Pozáručný servis pre položku č.2</t>
  </si>
  <si>
    <t>Položka č. 4 - Pozáručný servis pre položku č.2</t>
  </si>
  <si>
    <t>Položka č. 3 - Pozáručný servis pre položku č.1</t>
  </si>
  <si>
    <t>Položka č. 1 a č. 2</t>
  </si>
  <si>
    <t>Položka č. 3 a č. 4</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servisnú starostlivosť v pracovných dňoch v čase od 07:00 hod. do 17:00 hod, ak sa zmluvné strany nedohodnú inak.</t>
  </si>
  <si>
    <t>Požaduje sa, aby v prípade vykonania opravy, na ktorú objednávateľ dodávateľa vopred upozorní, bola oprava vykonaná nasledovne:</t>
  </si>
  <si>
    <t>nástup na výkon opravy do 24 hodín od nahlásenia vady/poruchy v pracovných dňoch v čase od 07:00 hod. do 17:00 hod.,</t>
  </si>
  <si>
    <t>výkon samotnej opravy do 72 hodín od nahlásenia vady/poruchy v pracovných dňoch v čase od 07:00 hod. do 17:00 hod., okrem prípadu, ak sa zmluvné strany nedohodnú inak alebo ak na výkon opravy je potrebný náhradný diel, súčiastka alebo iná vec, ktorej obstaranie alebo vykonanie trvá viac ako 72 hod.,</t>
  </si>
  <si>
    <t>Požaduje sa, aby po ukončení konkrétnej činnosti servisnej starostlivosti si servisný pracovník nechal potvrdiť rozsah poskytnutej služby s uvedením dátumu poskytnutej služby u zodpovednej osoby objednávateľa. Jedna kópia takto potvrdenej služby ostáva k dispozícii objednávateľovi.</t>
  </si>
  <si>
    <t>Pozáručný servis bude hradený formou mesačných paušálnych odmien uvedených v Prílohe č. 1 - Kalkulácia ceny.</t>
  </si>
  <si>
    <t>Požaduje sa platbu za plnenie realizovať bezhotovostným platobným stykom na základe faktúry doručenej dodávateľom.
Dodávateľ vystaví faktúru za plnenie služby v súlade s ustanovením § 73 zákona č. 222/2004 Z.z. o dani z pridanej hodnoty, najneskôr však do piateho (5) pracovného dňa v kalendárnom mesiaci, nasledujúcom po mesiaci, v ktorom došlo k poskytnutiu servisnej starostlivosti, pričom odmena je dohodnutá v súlade so zákonom č. 18/1996 Z.z. o cenách v znení neskorších predpisov a vyhláškou č. 87/1996
Z.z., ktorou sa vykonáva zákon č. 18/1996 Z.z. o cenách, ako cena za vykonávanie servisnej starostlivosti.</t>
  </si>
  <si>
    <t>Požaduje sa, aby dodávateľ vystavoval faktúry so splatnosťou do 60 dní odo dňa jej doručenia objednávateľovi (§ 340b ods. 5 zákona č. 513/1991 Z.z. Obchodný zákonník) pričom:</t>
  </si>
  <si>
    <t>11.1</t>
  </si>
  <si>
    <t>11.2</t>
  </si>
  <si>
    <t>Dodávateľ berie na vedomie, že v prípade, ak dôjde zo strany Objednávateľa k vyradeniu niektorého z prístrojov počas trvania tejto zmluvy, je Dodávateľ oprávnený faktúrovať Objednávateľovi len takú paušálnu mesačnú odmenu, ktorá je
ponížená o sumu, ktorá zodpovedala vyradenému prístroju, a to vždy k mesiacu, ktorý nasleduje po mesiaci, v ktorom Objednávateľ písomne Dodávateľovi oznámil vyradenie daného prístroja.</t>
  </si>
  <si>
    <t>Požaduje sa poskytovať pozáručný servis najmä v rozsahu uvedenom v časti  TECHNICKÁ ŠPECIFIKÁCIA PREDMETU ZÁKAZKY pri položke č. 3 a č. 4.</t>
  </si>
  <si>
    <t>Požaduje sa, aby výsledná cena predmetu zákazky ponúknutá dodávateľom bola v súlade s aktuálne (t.j. v čase lehoty na predkladanie ponúk) obvyklou trhovou cenou predmetu zákazky.</t>
  </si>
  <si>
    <t>Zmluvné strany sa dohodli, že sú zbavené zodpovednosti za čiastočné alebo úplné neplnenie zmluvných povinností podľa tohto zmluvného vzťahu v prípade, že toto neplnenie je v dôsledku vyššej moci. Pre účely tohto zmluvného vzťahu sa za vyššiu moc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vyššiu moc, je povinná to oznámiť druhej zmluvnej strane najneskôr do 5 (piatich) kalendárnych dní od vzniku tejto skutočnosti a môže požiadať o prípadnú úpravu podmienok zmluvy. Na požiadanie zmluvnej strany, ktorej boli avizované okolnosti vyššej moci, je povinný oznamovateľ predložiť hodnoverný dôkaz. ak nedôjde k dohode, má zmluvná strana, ktorá sa odvolala na vyššiu moc, právo odstúpiť od tejto zmluvy. Účinky odstúpenia nastanú dňom doručenia oznámenia druhej zmluvnej stran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servisný softwarový upgrade,</t>
  </si>
  <si>
    <t>do tridsiatich (30) pracovných dní od dňa nadobudnutia účinnosti zmluvy resp. odo dňa doručenia Oznámenia o splnení objednávateľom stanovených podmienok a požiadaviek na predmet zákazky dodávateľovi (ďalej len "Oznámenie"),</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Objednávateľ zabezpečí za účelom prevzatia zariadenia prístup pre osoby poverené dodávateľom na čas nevyhnutný na vyloženie, kompletizáciu a inštaláciu zariadenia. </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kúp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 xml:space="preserve">Požaduje sa v zmysle § 340b ods. 5 zákona č. 513/1991 Z.z. Obchodného zákonníka v znení neskorších predpisov splatnosť faktúry v lehote šesťdesiatich (60) kalendárnych dní odo dňa jej doručenia objednávateľovi. </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12.1.</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12.2.</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14.1.</t>
  </si>
  <si>
    <t>14.2.</t>
  </si>
  <si>
    <t>14.3.</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14.4.</t>
  </si>
  <si>
    <t>dodávky a zabudovanie náhradných dielov, ktoré sú potrebné k riadnej a bezporuchovej prevádzke zariadnia, vrátane demontáže, odvozu a likvidácie použitého a nepotrebného spotrebného materiálu, náplní a náhradných dielov,</t>
  </si>
  <si>
    <t>14.5.</t>
  </si>
  <si>
    <t>vykonanie validácií a kalibrácií zariadenia (resp. jeho relevantných častí) s perididicitou podľa odporučenia výrobcu zariadenia, min. však jedenkrát ročne,</t>
  </si>
  <si>
    <t>14.6.</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14.7.</t>
  </si>
  <si>
    <t>14.8.</t>
  </si>
  <si>
    <t>práce (servisné hodiny) a dojazdy servisných technikov dodávateľa do miesta inštalácie zariadenia v rámci zabezpečenia záručného servisu,</t>
  </si>
  <si>
    <t>14.9.</t>
  </si>
  <si>
    <t>14.10.</t>
  </si>
  <si>
    <t xml:space="preserve">technická telefonická podpora v pracovných dňoch v rozsahu podľa bodu 13 tejto časti, a zároveň poradenstvo pri prevádzkovaní zariadenia prostredníctvom klientského pracoviska dodávateľa 24 hodín denne a 7 dní v týždni, pričom dodávateľ musí garantovať funkčnosť a prevádzku tohto klientskeho pracoviska. </t>
  </si>
  <si>
    <t xml:space="preserve">Servisný technik dodávateľa je povinný nastúpiť na odstránenie vady v mieste inštalácie zariadenia do dvadsiatichštyroch (24) hodín od nahlásenia v pracovný deň medzi 7:00 a 16:00 hod., resp. do 12:00 hod. nasledujúceho pracovného dňa, pokiaľ vada bola nahlásená po 16:00 hod. pracovného dňa alebo počas mimopracovného dňa. </t>
  </si>
  <si>
    <t>15.1.</t>
  </si>
  <si>
    <t>V prípade, ak odstránenie vady nevyžaduje príchod servisného technika dodávateľa do miesta inštalácie zariadeni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16.1.</t>
  </si>
  <si>
    <t>oprava vady, pri ktorej nie je potrebná dodávka náhradného dielu najneskôr do štyridsiatichôsmich (48) hodín,</t>
  </si>
  <si>
    <t>16.2.</t>
  </si>
  <si>
    <t>oprava vady s dodávkou náhradného dielu najneskôr do sedemdesiatichdvoch (72) hodín.</t>
  </si>
  <si>
    <t>17.1.</t>
  </si>
  <si>
    <t>nedodržanie lehoty príchodu servisného technika alebo nezačatie odstraňovania vady formou vzdialeného prístupu : 50,-€ (slovom: jednosto Eur) za každú začatú hodinu omeškania, najviac však do výšky 10% kúpnej ceny zariadenia a to pre každý jednotlivý prípad omeškania dodávateľa,</t>
  </si>
  <si>
    <t>17.2.</t>
  </si>
  <si>
    <t>nedodržanie dohodnutých lehôt na odstránenie vady i: 50,-€ (jednosto Eur) za každú začatú hodinu omeškania, najviac však do výšky 10% kúpnej ceny zariadenia a to  pre každý jednotlivý prípad omeškania dodávateľa.</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vyššie uvedenú emailovú adresu dodávateľa.</t>
  </si>
  <si>
    <t>V prípade, ak sa po uzatvorení zmluvy preukáže, že na relevantnom trhu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v neprospech ceny podľa zmluvy, zaväzuje sa dodávateľ poskytnúť objednávateľovi pre takéto plnenie objednané po preukázaní tejto skutočnosti dodatočnú zľavu vo výške rozdielu medzi ním poskytovanou cenou podľa uzavretej zmluvy a nižšou cenou.</t>
  </si>
  <si>
    <t xml:space="preserve">V prípade, že dodávateľ zľavu podľa predchádzajúceho bodu neposkytne do šesťdesiatich (60) kalendárnych dní od doručenia písomnej výzvy objednávateľa, bude sa takéto konanie dodávateľa považovať za porušenie jeho zmluvných povinností, pričom objednávateľ je oprávnený uplatniť si z tohto titulu u dodávateľa  zmluvnú pokutu stanovenú vo výške zisteného rozdielu, t.j. rozdielu medzi poskytovanou cenou podľa uzavretej zmluvy a nižšou cenou. </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Požaduje sa službu  vykonávať v súlade so známymi a najnovšími technologickými poznatkami výrobcu systému.</t>
  </si>
  <si>
    <t>Požaduje sa garantovať prevádzkyschopnosť zariadení minimálne 95% počas doby poskytovania služieb.</t>
  </si>
  <si>
    <t>prílohou faktúry za služby, ktoré sú predmetom položky č.1, je zmluvnými stranami potvrdený rozsah poskytnutej služby s uvedením dátumu jej poskytnutia  v príslušnom kalendárnom mesiaci.</t>
  </si>
  <si>
    <t>Požaduje sa, aby počas trvania  zmluvy dodávateľ vykonával autorizovaný servis.</t>
  </si>
  <si>
    <t>Požaduje sa, aby počas trvania zmluvy dodávateľ vykonával činnosti uvedené v  zmluve prostredníctvom osôb / servisných technikov s odborným vyškolením výrobcom prístroja.</t>
  </si>
  <si>
    <t>Požaduje sa, aby dodávateľ mal počas trvania  zmluvy uzatvorenú zmluvu o poistení zodpovednosti za škodu spôsobenú v súvislosti s poskytovaním služieb servisnej starostlivosti podľa tejto zmluvy s poistným krytím minimálne vo výške zmluvnej ceny za služby servisnej starostlivosti.</t>
  </si>
  <si>
    <t>Požaduje sa dodanie zariadenia:</t>
  </si>
  <si>
    <t>Frekvenčný rozsah prístroja:  Min. 1,5 – 18 MHz</t>
  </si>
  <si>
    <t>Alebo ekvivalentné riešenie:</t>
  </si>
  <si>
    <t>Plochý HDU monitor na artikulačnom ramene s uhlopriečkou:   Min. 21, 5 palcov</t>
  </si>
  <si>
    <t>s rozsahom najmenej 3-10 MHz</t>
  </si>
  <si>
    <t>s počtom najmenej 2600 elementov</t>
  </si>
  <si>
    <t>28.1</t>
  </si>
  <si>
    <t>28.2</t>
  </si>
  <si>
    <t>28.3</t>
  </si>
  <si>
    <t>28.4</t>
  </si>
  <si>
    <t>28.5</t>
  </si>
  <si>
    <t>28.6</t>
  </si>
  <si>
    <t>28.7</t>
  </si>
  <si>
    <t>28.8</t>
  </si>
  <si>
    <t>34.1</t>
  </si>
  <si>
    <t>34.1.1</t>
  </si>
  <si>
    <t>34.1.2</t>
  </si>
  <si>
    <t>34.1.3</t>
  </si>
  <si>
    <t>34.1.4</t>
  </si>
  <si>
    <t>34.1.5</t>
  </si>
  <si>
    <t>34.1.6</t>
  </si>
  <si>
    <t>34.1.7</t>
  </si>
  <si>
    <t>34.1.8</t>
  </si>
  <si>
    <t>34.2</t>
  </si>
  <si>
    <t>34.2.1</t>
  </si>
  <si>
    <t>34.2.2</t>
  </si>
  <si>
    <t>34.2.3</t>
  </si>
  <si>
    <t>34.2.4</t>
  </si>
  <si>
    <t>34.2.5</t>
  </si>
  <si>
    <t>34.3</t>
  </si>
  <si>
    <t>34.3.1</t>
  </si>
  <si>
    <t>34.3.2</t>
  </si>
  <si>
    <t>34.3.3</t>
  </si>
  <si>
    <t>34.3.4</t>
  </si>
  <si>
    <t>34.3.5</t>
  </si>
  <si>
    <t>34.3.6</t>
  </si>
  <si>
    <t xml:space="preserve">s počtom elementov min. 2600 </t>
  </si>
  <si>
    <t>s frekvenčným rozsahom najmenej 1,4-5 MHz</t>
  </si>
  <si>
    <t>s frekvenčným rozsahom minim. 3-8 MHz</t>
  </si>
  <si>
    <t>s frekvenčným rozsahom minim. 3-10 MHz.</t>
  </si>
  <si>
    <t>Požaduje sa možnosť uplatnenia si náhrady škody u dodávateľa vo výške vzniknutého finančného rozdielu výslednej ceny predmetu zákazky a obvyklej trhovej ceny predmetu zákazky v prípade nedodržania požiadavky uvedenej v bode 14. tejto časti.</t>
  </si>
  <si>
    <t>bez náhradných dielov a príslušenstva (SONDY).</t>
  </si>
  <si>
    <t>cestovné a všetky náklady spojené s činnosťou servisného pracovníka počas výkonu činnosti uvedených v bode 1. až 5.</t>
  </si>
  <si>
    <t>Požaduje sa poskytovanie pozáručného servisu pre položky č. 1 a č. 2 po dobu 5 rokov (60 mesiacov), pričom za začiatok tohto poskytovania sa považuje deň nasledujúci po poslednom dni záručnej doby.</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9"/>
      <name val="Arial"/>
      <family val="2"/>
      <charset val="238"/>
    </font>
    <font>
      <u/>
      <sz val="11"/>
      <color theme="10"/>
      <name val="Calibri"/>
      <family val="2"/>
      <charset val="238"/>
      <scheme val="minor"/>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3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right style="medium">
        <color indexed="64"/>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style="medium">
        <color auto="1"/>
      </top>
      <bottom/>
      <diagonal/>
    </border>
    <border>
      <left style="medium">
        <color auto="1"/>
      </left>
      <right style="thin">
        <color auto="1"/>
      </right>
      <top/>
      <bottom/>
      <diagonal/>
    </border>
    <border>
      <left style="medium">
        <color auto="1"/>
      </left>
      <right style="thin">
        <color auto="1"/>
      </right>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5" fillId="0" borderId="0" applyNumberFormat="0" applyFill="0" applyBorder="0" applyAlignment="0" applyProtection="0"/>
  </cellStyleXfs>
  <cellXfs count="15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0" fontId="2" fillId="0" borderId="10" xfId="0" applyFont="1" applyFill="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left" vertical="center" wrapText="1"/>
    </xf>
    <xf numFmtId="49" fontId="2" fillId="0" borderId="11" xfId="0" applyNumberFormat="1" applyFont="1" applyFill="1" applyBorder="1" applyAlignment="1">
      <alignment horizontal="left" vertical="center" wrapText="1"/>
    </xf>
    <xf numFmtId="49" fontId="4" fillId="0" borderId="9"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0" fontId="10" fillId="0" borderId="10" xfId="0" applyNumberFormat="1" applyFont="1" applyBorder="1" applyAlignment="1">
      <alignment horizontal="center" vertical="center" wrapText="1"/>
    </xf>
    <xf numFmtId="49" fontId="4" fillId="0" borderId="8" xfId="0" applyNumberFormat="1" applyFont="1" applyBorder="1" applyAlignment="1">
      <alignment horizontal="left" vertical="center"/>
    </xf>
    <xf numFmtId="49" fontId="2" fillId="0" borderId="8" xfId="0" applyNumberFormat="1" applyFont="1" applyBorder="1" applyAlignment="1">
      <alignment horizontal="right" vertical="center"/>
    </xf>
    <xf numFmtId="49" fontId="2" fillId="5" borderId="8" xfId="0" applyNumberFormat="1" applyFont="1" applyFill="1" applyBorder="1" applyAlignment="1">
      <alignment horizontal="center" vertical="center"/>
    </xf>
    <xf numFmtId="49" fontId="4" fillId="5" borderId="10" xfId="0" applyNumberFormat="1" applyFont="1" applyFill="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8" xfId="0" applyNumberFormat="1" applyFont="1" applyBorder="1" applyAlignment="1">
      <alignment horizontal="left" vertical="center" wrapText="1"/>
    </xf>
    <xf numFmtId="49" fontId="2" fillId="0" borderId="25" xfId="0" applyNumberFormat="1" applyFont="1" applyFill="1" applyBorder="1" applyAlignment="1">
      <alignment horizontal="left" vertical="center"/>
    </xf>
    <xf numFmtId="49" fontId="2" fillId="0" borderId="25" xfId="0" applyNumberFormat="1" applyFont="1" applyFill="1" applyBorder="1" applyAlignment="1">
      <alignment horizontal="center" vertical="center"/>
    </xf>
    <xf numFmtId="0" fontId="2" fillId="0" borderId="29" xfId="0" applyNumberFormat="1" applyFont="1" applyBorder="1" applyAlignment="1">
      <alignment horizontal="center" vertical="center" wrapText="1"/>
    </xf>
    <xf numFmtId="49" fontId="2" fillId="0" borderId="8" xfId="0" applyNumberFormat="1" applyFont="1" applyFill="1" applyBorder="1" applyAlignment="1">
      <alignment vertical="center" wrapText="1"/>
    </xf>
    <xf numFmtId="49" fontId="2" fillId="0" borderId="11" xfId="0" applyNumberFormat="1" applyFont="1" applyFill="1" applyBorder="1" applyAlignment="1">
      <alignment vertical="center" wrapText="1"/>
    </xf>
    <xf numFmtId="0" fontId="14" fillId="0" borderId="10" xfId="0" applyFont="1" applyFill="1" applyBorder="1" applyAlignment="1">
      <alignment horizontal="left" vertical="center" wrapText="1"/>
    </xf>
    <xf numFmtId="0" fontId="4" fillId="0" borderId="20" xfId="6" applyFont="1" applyFill="1" applyBorder="1" applyAlignment="1">
      <alignment vertical="center" wrapText="1"/>
    </xf>
    <xf numFmtId="0" fontId="14" fillId="0" borderId="10" xfId="0" applyFont="1" applyFill="1" applyBorder="1" applyAlignment="1">
      <alignment horizontal="justify" vertical="center"/>
    </xf>
    <xf numFmtId="0" fontId="4" fillId="0" borderId="9" xfId="0" applyNumberFormat="1" applyFont="1" applyFill="1" applyBorder="1" applyAlignment="1">
      <alignment horizontal="left" vertical="center" wrapText="1"/>
    </xf>
    <xf numFmtId="0" fontId="2" fillId="0" borderId="9" xfId="0" applyNumberFormat="1" applyFont="1" applyFill="1" applyBorder="1" applyAlignment="1">
      <alignment horizontal="left" vertical="center" wrapText="1"/>
    </xf>
    <xf numFmtId="49" fontId="2" fillId="0" borderId="8" xfId="0" applyNumberFormat="1" applyFont="1" applyFill="1" applyBorder="1" applyAlignment="1">
      <alignment horizontal="left" vertical="center"/>
    </xf>
    <xf numFmtId="49" fontId="2" fillId="0" borderId="8" xfId="0" applyNumberFormat="1" applyFont="1" applyFill="1" applyBorder="1" applyAlignment="1">
      <alignment horizontal="center" vertical="center"/>
    </xf>
    <xf numFmtId="49" fontId="2" fillId="0" borderId="8" xfId="0" applyNumberFormat="1" applyFont="1" applyFill="1" applyBorder="1" applyAlignment="1">
      <alignment horizontal="right" vertical="center"/>
    </xf>
    <xf numFmtId="49" fontId="4" fillId="0" borderId="25" xfId="0" applyNumberFormat="1" applyFont="1" applyBorder="1" applyAlignment="1">
      <alignment horizontal="left" vertical="center"/>
    </xf>
    <xf numFmtId="49" fontId="4" fillId="0" borderId="31" xfId="0" applyNumberFormat="1" applyFont="1" applyBorder="1" applyAlignment="1">
      <alignment horizontal="left" vertical="center"/>
    </xf>
    <xf numFmtId="49" fontId="4" fillId="0" borderId="32" xfId="0" applyNumberFormat="1" applyFont="1" applyBorder="1" applyAlignment="1">
      <alignment horizontal="left" vertical="center"/>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30"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26"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49" fontId="2" fillId="0" borderId="8" xfId="0" applyNumberFormat="1" applyFont="1" applyFill="1" applyBorder="1" applyAlignment="1">
      <alignment horizontal="left" vertical="center"/>
    </xf>
    <xf numFmtId="49" fontId="2" fillId="0" borderId="10" xfId="0" applyNumberFormat="1" applyFont="1" applyFill="1" applyBorder="1" applyAlignment="1">
      <alignment horizontal="left" vertical="center"/>
    </xf>
    <xf numFmtId="49" fontId="2" fillId="0" borderId="5"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28"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10" fillId="0" borderId="10" xfId="0" applyNumberFormat="1" applyFont="1" applyBorder="1" applyAlignment="1">
      <alignment horizontal="left" vertical="center" wrapText="1"/>
    </xf>
    <xf numFmtId="49" fontId="10" fillId="0" borderId="9" xfId="0" applyNumberFormat="1" applyFont="1" applyBorder="1" applyAlignment="1">
      <alignment horizontal="left" vertical="center"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4" fillId="0" borderId="0" xfId="0" applyNumberFormat="1" applyFont="1" applyFill="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xf>
    <xf numFmtId="0" fontId="2" fillId="0" borderId="21" xfId="0" applyNumberFormat="1" applyFont="1" applyFill="1" applyBorder="1" applyAlignment="1">
      <alignment horizontal="left" vertical="center" wrapText="1"/>
    </xf>
  </cellXfs>
  <cellStyles count="7">
    <cellStyle name="Hypertextové prepojenie" xfId="6" builtinId="8"/>
    <cellStyle name="Normálna 2" xfId="2"/>
    <cellStyle name="Normálne" xfId="0" builtinId="0"/>
    <cellStyle name="Normálne 2" xfId="3"/>
    <cellStyle name="normálne 2 2" xfId="1"/>
    <cellStyle name="normálne 2 2 2" xfId="4"/>
    <cellStyle name="Normálne 4" xfId="5"/>
  </cellStyles>
  <dxfs count="5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9525</xdr:rowOff>
        </xdr:from>
        <xdr:to>
          <xdr:col>1</xdr:col>
          <xdr:colOff>885825</xdr:colOff>
          <xdr:row>36</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0</xdr:rowOff>
        </xdr:from>
        <xdr:to>
          <xdr:col>1</xdr:col>
          <xdr:colOff>885825</xdr:colOff>
          <xdr:row>37</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3.xml"/><Relationship Id="rId3" Type="http://schemas.openxmlformats.org/officeDocument/2006/relationships/printerSettings" Target="../printerSettings/printerSettings1.bin"/><Relationship Id="rId7" Type="http://schemas.openxmlformats.org/officeDocument/2006/relationships/ctrlProp" Target="../ctrlProps/ctrlProp2.xml"/><Relationship Id="rId2" Type="http://schemas.openxmlformats.org/officeDocument/2006/relationships/hyperlink" Target="http://www.vusch.sk/" TargetMode="External"/><Relationship Id="rId1" Type="http://schemas.openxmlformats.org/officeDocument/2006/relationships/hyperlink" Target="http://www.vusch.sk/" TargetMode="External"/><Relationship Id="rId6" Type="http://schemas.openxmlformats.org/officeDocument/2006/relationships/ctrlProp" Target="../ctrlProps/ctrlProp1.xml"/><Relationship Id="rId5" Type="http://schemas.openxmlformats.org/officeDocument/2006/relationships/vmlDrawing" Target="../drawings/vmlDrawing1.vml"/><Relationship Id="rId4" Type="http://schemas.openxmlformats.org/officeDocument/2006/relationships/drawing" Target="../drawings/drawing1.xml"/><Relationship Id="rId9" Type="http://schemas.openxmlformats.org/officeDocument/2006/relationships/ctrlProp" Target="../ctrlProps/ctrlProp4.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322"/>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32" t="s">
        <v>50</v>
      </c>
      <c r="C1" s="132"/>
      <c r="D1" s="132"/>
      <c r="E1" s="132"/>
      <c r="F1" s="132"/>
    </row>
    <row r="2" spans="2:6" ht="27.75" customHeight="1" x14ac:dyDescent="0.2">
      <c r="B2" s="131" t="s">
        <v>47</v>
      </c>
      <c r="C2" s="131"/>
      <c r="D2" s="131"/>
      <c r="E2" s="131"/>
      <c r="F2" s="131"/>
    </row>
    <row r="3" spans="2:6" ht="54.75" customHeight="1" x14ac:dyDescent="0.2">
      <c r="B3" s="114" t="s">
        <v>54</v>
      </c>
      <c r="C3" s="114"/>
      <c r="D3" s="114"/>
      <c r="E3" s="114"/>
      <c r="F3" s="114"/>
    </row>
    <row r="4" spans="2:6" ht="24.95" customHeight="1" x14ac:dyDescent="0.2">
      <c r="B4" s="42" t="s">
        <v>53</v>
      </c>
      <c r="C4" s="43"/>
      <c r="D4" s="39"/>
      <c r="E4" s="39"/>
      <c r="F4" s="39"/>
    </row>
    <row r="5" spans="2:6" ht="24.95" customHeight="1" x14ac:dyDescent="0.2">
      <c r="B5" s="42" t="s">
        <v>51</v>
      </c>
      <c r="C5" s="44"/>
      <c r="D5" s="39"/>
      <c r="E5" s="39"/>
      <c r="F5" s="39"/>
    </row>
    <row r="6" spans="2:6" ht="5.0999999999999996" customHeight="1" x14ac:dyDescent="0.2">
      <c r="B6" s="39"/>
      <c r="C6" s="39"/>
      <c r="D6" s="39"/>
      <c r="E6" s="39"/>
      <c r="F6" s="39"/>
    </row>
    <row r="7" spans="2:6" s="2" customFormat="1" ht="20.100000000000001" customHeight="1" x14ac:dyDescent="0.25">
      <c r="B7" s="115" t="s">
        <v>5</v>
      </c>
      <c r="C7" s="115"/>
      <c r="D7" s="115"/>
      <c r="E7" s="115"/>
      <c r="F7" s="115"/>
    </row>
    <row r="8" spans="2:6" s="2" customFormat="1" ht="20.100000000000001" customHeight="1" x14ac:dyDescent="0.25">
      <c r="B8" s="116" t="s">
        <v>9</v>
      </c>
      <c r="C8" s="116"/>
      <c r="D8" s="116"/>
      <c r="E8" s="116"/>
      <c r="F8" s="116"/>
    </row>
    <row r="9" spans="2:6" ht="24.95" customHeight="1" x14ac:dyDescent="0.2">
      <c r="B9" s="117" t="s">
        <v>122</v>
      </c>
      <c r="C9" s="117"/>
      <c r="D9" s="117"/>
      <c r="E9" s="117"/>
      <c r="F9" s="117"/>
    </row>
    <row r="10" spans="2:6" ht="4.5" customHeight="1" x14ac:dyDescent="0.2">
      <c r="B10" s="41"/>
      <c r="C10" s="41"/>
      <c r="D10" s="41"/>
      <c r="E10" s="41"/>
      <c r="F10" s="41"/>
    </row>
    <row r="11" spans="2:6" s="2" customFormat="1" ht="20.100000000000001" customHeight="1" x14ac:dyDescent="0.25">
      <c r="B11" s="118" t="s">
        <v>10</v>
      </c>
      <c r="C11" s="118"/>
      <c r="D11" s="118"/>
      <c r="E11" s="118"/>
      <c r="F11" s="118"/>
    </row>
    <row r="12" spans="2:6" s="2" customFormat="1" ht="20.100000000000001" customHeight="1" x14ac:dyDescent="0.25">
      <c r="B12" s="111" t="s">
        <v>72</v>
      </c>
      <c r="C12" s="111"/>
      <c r="D12" s="111"/>
      <c r="E12" s="46"/>
      <c r="F12" s="46"/>
    </row>
    <row r="13" spans="2:6" s="2" customFormat="1" ht="20.100000000000001" customHeight="1" x14ac:dyDescent="0.25">
      <c r="B13" s="111" t="s">
        <v>75</v>
      </c>
      <c r="C13" s="111"/>
      <c r="D13" s="111"/>
      <c r="E13" s="61"/>
      <c r="F13" s="61"/>
    </row>
    <row r="14" spans="2:6" s="2" customFormat="1" ht="20.100000000000001" customHeight="1" x14ac:dyDescent="0.25">
      <c r="B14" s="111" t="s">
        <v>73</v>
      </c>
      <c r="C14" s="111"/>
      <c r="D14" s="111"/>
      <c r="E14" s="50"/>
      <c r="F14" s="50"/>
    </row>
    <row r="15" spans="2:6" s="2" customFormat="1" ht="20.100000000000001" customHeight="1" x14ac:dyDescent="0.25">
      <c r="B15" s="111" t="s">
        <v>74</v>
      </c>
      <c r="C15" s="111"/>
      <c r="D15" s="111"/>
      <c r="E15" s="54"/>
      <c r="F15" s="54"/>
    </row>
    <row r="16" spans="2:6" s="3" customFormat="1" ht="20.100000000000001" customHeight="1" x14ac:dyDescent="0.25">
      <c r="B16" s="111" t="s">
        <v>27</v>
      </c>
      <c r="C16" s="111"/>
      <c r="D16" s="111"/>
      <c r="E16" s="19"/>
      <c r="F16" s="20"/>
    </row>
    <row r="17" spans="2:6" ht="4.5" customHeight="1" x14ac:dyDescent="0.2">
      <c r="B17" s="47"/>
      <c r="C17" s="47"/>
      <c r="D17" s="47"/>
      <c r="E17" s="41"/>
      <c r="F17" s="41"/>
    </row>
    <row r="18" spans="2:6" ht="20.100000000000001" customHeight="1" x14ac:dyDescent="0.2">
      <c r="B18" s="40" t="s">
        <v>11</v>
      </c>
      <c r="C18" s="21"/>
      <c r="D18" s="21"/>
      <c r="E18" s="22"/>
      <c r="F18" s="22"/>
    </row>
    <row r="19" spans="2:6" s="3" customFormat="1" ht="24.95" customHeight="1" x14ac:dyDescent="0.25">
      <c r="B19" s="142" t="s">
        <v>70</v>
      </c>
      <c r="C19" s="142"/>
      <c r="D19" s="142"/>
      <c r="E19" s="19"/>
      <c r="F19" s="20"/>
    </row>
    <row r="20" spans="2:6" ht="5.0999999999999996" customHeight="1" x14ac:dyDescent="0.2">
      <c r="B20" s="143"/>
      <c r="C20" s="143"/>
      <c r="D20" s="143"/>
      <c r="F20" s="15"/>
    </row>
    <row r="21" spans="2:6" s="2" customFormat="1" ht="20.100000000000001" customHeight="1" x14ac:dyDescent="0.25">
      <c r="B21" s="115" t="s">
        <v>24</v>
      </c>
      <c r="C21" s="115"/>
      <c r="D21" s="115"/>
      <c r="E21" s="115"/>
      <c r="F21" s="115"/>
    </row>
    <row r="22" spans="2:6" ht="33.75" customHeight="1" x14ac:dyDescent="0.2">
      <c r="B22" s="123" t="s">
        <v>126</v>
      </c>
      <c r="C22" s="123"/>
      <c r="D22" s="123"/>
      <c r="E22" s="123"/>
      <c r="F22" s="123"/>
    </row>
    <row r="23" spans="2:6" ht="5.0999999999999996" customHeight="1" x14ac:dyDescent="0.2">
      <c r="B23" s="143"/>
      <c r="C23" s="143"/>
      <c r="D23" s="143"/>
      <c r="F23" s="15"/>
    </row>
    <row r="24" spans="2:6" s="2" customFormat="1" ht="20.100000000000001" customHeight="1" x14ac:dyDescent="0.25">
      <c r="B24" s="115" t="s">
        <v>25</v>
      </c>
      <c r="C24" s="115"/>
      <c r="D24" s="115"/>
      <c r="E24" s="115"/>
      <c r="F24" s="115"/>
    </row>
    <row r="25" spans="2:6" s="9" customFormat="1" ht="20.100000000000001" customHeight="1" x14ac:dyDescent="0.25">
      <c r="B25" s="144" t="s">
        <v>6</v>
      </c>
      <c r="C25" s="144"/>
      <c r="D25" s="144"/>
      <c r="E25" s="144"/>
      <c r="F25" s="144"/>
    </row>
    <row r="26" spans="2:6" s="9" customFormat="1" ht="20.100000000000001" customHeight="1" x14ac:dyDescent="0.25">
      <c r="B26" s="133" t="s">
        <v>18</v>
      </c>
      <c r="C26" s="134"/>
      <c r="D26" s="14"/>
      <c r="E26" s="14"/>
      <c r="F26" s="14"/>
    </row>
    <row r="27" spans="2:6" s="9" customFormat="1" ht="20.100000000000001" customHeight="1" x14ac:dyDescent="0.25">
      <c r="B27" s="13"/>
      <c r="C27" s="13" t="s">
        <v>22</v>
      </c>
      <c r="D27" s="14"/>
      <c r="E27" s="14"/>
      <c r="F27" s="14"/>
    </row>
    <row r="28" spans="2:6" s="9" customFormat="1" ht="20.100000000000001" customHeight="1" x14ac:dyDescent="0.25">
      <c r="B28" s="13"/>
      <c r="C28" s="13" t="s">
        <v>23</v>
      </c>
      <c r="D28" s="14"/>
      <c r="E28" s="14"/>
      <c r="F28" s="14"/>
    </row>
    <row r="29" spans="2:6" s="9" customFormat="1" ht="20.100000000000001" customHeight="1" x14ac:dyDescent="0.25">
      <c r="B29" s="133" t="s">
        <v>19</v>
      </c>
      <c r="C29" s="134"/>
      <c r="D29" s="14"/>
      <c r="E29" s="14"/>
      <c r="F29" s="14"/>
    </row>
    <row r="30" spans="2:6" s="9" customFormat="1" ht="31.5" customHeight="1" x14ac:dyDescent="0.25">
      <c r="B30" s="17" t="s">
        <v>20</v>
      </c>
      <c r="C30" s="145" t="s">
        <v>13</v>
      </c>
      <c r="D30" s="146"/>
      <c r="E30" s="18" t="s">
        <v>12</v>
      </c>
      <c r="F30" s="18" t="s">
        <v>14</v>
      </c>
    </row>
    <row r="31" spans="2:6" s="9" customFormat="1" ht="24.95" customHeight="1" x14ac:dyDescent="0.25">
      <c r="B31" s="48" t="s">
        <v>2</v>
      </c>
      <c r="C31" s="112" t="s">
        <v>123</v>
      </c>
      <c r="D31" s="113"/>
      <c r="E31" s="16" t="s">
        <v>1</v>
      </c>
      <c r="F31" s="49">
        <v>1</v>
      </c>
    </row>
    <row r="32" spans="2:6" s="9" customFormat="1" ht="24.95" customHeight="1" x14ac:dyDescent="0.25">
      <c r="B32" s="48" t="s">
        <v>69</v>
      </c>
      <c r="C32" s="112" t="s">
        <v>124</v>
      </c>
      <c r="D32" s="113"/>
      <c r="E32" s="55" t="s">
        <v>1</v>
      </c>
      <c r="F32" s="49">
        <v>1</v>
      </c>
    </row>
    <row r="33" spans="2:7" s="9" customFormat="1" ht="24.95" customHeight="1" x14ac:dyDescent="0.25">
      <c r="B33" s="48" t="s">
        <v>76</v>
      </c>
      <c r="C33" s="112" t="s">
        <v>216</v>
      </c>
      <c r="D33" s="113"/>
      <c r="E33" s="55" t="s">
        <v>125</v>
      </c>
      <c r="F33" s="49">
        <f>5*12</f>
        <v>60</v>
      </c>
    </row>
    <row r="34" spans="2:7" s="9" customFormat="1" ht="24.95" customHeight="1" x14ac:dyDescent="0.25">
      <c r="B34" s="48" t="s">
        <v>77</v>
      </c>
      <c r="C34" s="112" t="s">
        <v>217</v>
      </c>
      <c r="D34" s="113"/>
      <c r="E34" s="55" t="s">
        <v>125</v>
      </c>
      <c r="F34" s="49">
        <f>5*12</f>
        <v>60</v>
      </c>
    </row>
    <row r="35" spans="2:7" s="9" customFormat="1" ht="4.5" customHeight="1" x14ac:dyDescent="0.25">
      <c r="B35" s="14"/>
      <c r="C35" s="14"/>
      <c r="D35" s="14"/>
      <c r="E35" s="14"/>
      <c r="F35" s="14"/>
    </row>
    <row r="36" spans="2:7" s="9" customFormat="1" ht="20.100000000000001" customHeight="1" x14ac:dyDescent="0.25">
      <c r="B36" s="133" t="s">
        <v>21</v>
      </c>
      <c r="C36" s="134"/>
      <c r="D36" s="14"/>
      <c r="E36" s="14"/>
      <c r="F36" s="14"/>
    </row>
    <row r="37" spans="2:7" s="9" customFormat="1" ht="20.100000000000001" customHeight="1" x14ac:dyDescent="0.2">
      <c r="B37" s="10"/>
      <c r="C37" s="9" t="s">
        <v>3</v>
      </c>
      <c r="D37" s="14"/>
      <c r="E37" s="14"/>
      <c r="F37" s="14"/>
    </row>
    <row r="38" spans="2:7" s="9" customFormat="1" ht="20.100000000000001" customHeight="1" x14ac:dyDescent="0.25">
      <c r="B38" s="13"/>
      <c r="C38" s="2" t="s">
        <v>4</v>
      </c>
      <c r="D38" s="14"/>
      <c r="E38" s="14"/>
      <c r="F38" s="14"/>
    </row>
    <row r="39" spans="2:7" ht="5.0999999999999996" customHeight="1" x14ac:dyDescent="0.2"/>
    <row r="40" spans="2:7" s="2" customFormat="1" ht="20.100000000000001" customHeight="1" x14ac:dyDescent="0.25">
      <c r="B40" s="115" t="s">
        <v>26</v>
      </c>
      <c r="C40" s="115"/>
      <c r="D40" s="115"/>
      <c r="E40" s="115"/>
      <c r="F40" s="115"/>
    </row>
    <row r="41" spans="2:7" s="2" customFormat="1" ht="5.0999999999999996" customHeight="1" thickBot="1" x14ac:dyDescent="0.3">
      <c r="B41" s="15"/>
      <c r="D41" s="6"/>
      <c r="E41" s="6"/>
      <c r="F41" s="6"/>
    </row>
    <row r="42" spans="2:7" s="3" customFormat="1" ht="93" customHeight="1" x14ac:dyDescent="0.25">
      <c r="B42" s="119" t="s">
        <v>0</v>
      </c>
      <c r="C42" s="120"/>
      <c r="D42" s="137" t="s">
        <v>28</v>
      </c>
      <c r="E42" s="138"/>
      <c r="F42" s="139"/>
      <c r="G42" s="23"/>
    </row>
    <row r="43" spans="2:7" s="3" customFormat="1" ht="30" customHeight="1" thickBot="1" x14ac:dyDescent="0.3">
      <c r="B43" s="121"/>
      <c r="C43" s="122"/>
      <c r="D43" s="24" t="s">
        <v>29</v>
      </c>
      <c r="E43" s="147" t="s">
        <v>30</v>
      </c>
      <c r="F43" s="148"/>
    </row>
    <row r="44" spans="2:7" s="25" customFormat="1" ht="30.75" customHeight="1" x14ac:dyDescent="0.25">
      <c r="B44" s="95" t="s">
        <v>127</v>
      </c>
      <c r="C44" s="97"/>
      <c r="D44" s="97"/>
      <c r="E44" s="97"/>
      <c r="F44" s="98"/>
    </row>
    <row r="45" spans="2:7" s="4" customFormat="1" ht="24.95" customHeight="1" x14ac:dyDescent="0.25">
      <c r="B45" s="67" t="s">
        <v>16</v>
      </c>
      <c r="C45" s="45" t="s">
        <v>299</v>
      </c>
      <c r="D45" s="66"/>
      <c r="E45" s="109"/>
      <c r="F45" s="110"/>
    </row>
    <row r="46" spans="2:7" s="4" customFormat="1" ht="24.95" customHeight="1" x14ac:dyDescent="0.25">
      <c r="B46" s="67" t="s">
        <v>59</v>
      </c>
      <c r="C46" s="45" t="s">
        <v>128</v>
      </c>
      <c r="D46" s="66"/>
      <c r="E46" s="109"/>
      <c r="F46" s="110"/>
    </row>
    <row r="47" spans="2:7" s="4" customFormat="1" ht="24.95" customHeight="1" x14ac:dyDescent="0.25">
      <c r="B47" s="67" t="s">
        <v>60</v>
      </c>
      <c r="C47" s="45" t="s">
        <v>129</v>
      </c>
      <c r="D47" s="52"/>
      <c r="E47" s="107"/>
      <c r="F47" s="108"/>
    </row>
    <row r="48" spans="2:7" s="4" customFormat="1" ht="24.95" customHeight="1" x14ac:dyDescent="0.25">
      <c r="B48" s="67" t="s">
        <v>61</v>
      </c>
      <c r="C48" s="45" t="s">
        <v>130</v>
      </c>
      <c r="D48" s="52"/>
      <c r="E48" s="89"/>
      <c r="F48" s="90"/>
    </row>
    <row r="49" spans="2:6" s="4" customFormat="1" ht="24.95" customHeight="1" x14ac:dyDescent="0.25">
      <c r="B49" s="67" t="s">
        <v>62</v>
      </c>
      <c r="C49" s="45" t="s">
        <v>131</v>
      </c>
      <c r="D49" s="52"/>
      <c r="E49" s="89"/>
      <c r="F49" s="90"/>
    </row>
    <row r="50" spans="2:6" s="4" customFormat="1" ht="24.95" customHeight="1" x14ac:dyDescent="0.25">
      <c r="B50" s="86" t="s">
        <v>63</v>
      </c>
      <c r="C50" s="45" t="s">
        <v>132</v>
      </c>
      <c r="D50" s="52"/>
      <c r="E50" s="89"/>
      <c r="F50" s="90"/>
    </row>
    <row r="51" spans="2:6" s="4" customFormat="1" ht="24.95" customHeight="1" x14ac:dyDescent="0.25">
      <c r="B51" s="87"/>
      <c r="C51" s="45" t="s">
        <v>300</v>
      </c>
      <c r="D51" s="52" t="s">
        <v>92</v>
      </c>
      <c r="E51" s="89" t="s">
        <v>92</v>
      </c>
      <c r="F51" s="90"/>
    </row>
    <row r="52" spans="2:6" s="4" customFormat="1" ht="24.95" customHeight="1" x14ac:dyDescent="0.25">
      <c r="B52" s="88"/>
      <c r="C52" s="45" t="s">
        <v>301</v>
      </c>
      <c r="D52" s="52"/>
      <c r="E52" s="89"/>
      <c r="F52" s="90"/>
    </row>
    <row r="53" spans="2:6" s="4" customFormat="1" ht="24.95" customHeight="1" x14ac:dyDescent="0.25">
      <c r="B53" s="67" t="s">
        <v>80</v>
      </c>
      <c r="C53" s="45" t="s">
        <v>133</v>
      </c>
      <c r="D53" s="52"/>
      <c r="E53" s="89"/>
      <c r="F53" s="90"/>
    </row>
    <row r="54" spans="2:6" s="4" customFormat="1" ht="29.25" customHeight="1" x14ac:dyDescent="0.25">
      <c r="B54" s="67" t="s">
        <v>64</v>
      </c>
      <c r="C54" s="45" t="s">
        <v>134</v>
      </c>
      <c r="D54" s="52"/>
      <c r="E54" s="89"/>
      <c r="F54" s="90"/>
    </row>
    <row r="55" spans="2:6" s="4" customFormat="1" ht="24.95" customHeight="1" x14ac:dyDescent="0.25">
      <c r="B55" s="67" t="s">
        <v>65</v>
      </c>
      <c r="C55" s="45" t="s">
        <v>135</v>
      </c>
      <c r="D55" s="52"/>
      <c r="E55" s="89"/>
      <c r="F55" s="90"/>
    </row>
    <row r="56" spans="2:6" s="4" customFormat="1" ht="24.95" customHeight="1" x14ac:dyDescent="0.25">
      <c r="B56" s="67" t="s">
        <v>66</v>
      </c>
      <c r="C56" s="45" t="s">
        <v>136</v>
      </c>
      <c r="D56" s="52"/>
      <c r="E56" s="89"/>
      <c r="F56" s="90"/>
    </row>
    <row r="57" spans="2:6" s="4" customFormat="1" ht="24.95" customHeight="1" x14ac:dyDescent="0.25">
      <c r="B57" s="67" t="s">
        <v>67</v>
      </c>
      <c r="C57" s="45" t="s">
        <v>137</v>
      </c>
      <c r="D57" s="52"/>
      <c r="E57" s="89"/>
      <c r="F57" s="90"/>
    </row>
    <row r="58" spans="2:6" s="4" customFormat="1" ht="24.95" customHeight="1" x14ac:dyDescent="0.25">
      <c r="B58" s="67" t="s">
        <v>81</v>
      </c>
      <c r="C58" s="45" t="s">
        <v>138</v>
      </c>
      <c r="D58" s="52"/>
      <c r="E58" s="89"/>
      <c r="F58" s="90"/>
    </row>
    <row r="59" spans="2:6" s="4" customFormat="1" ht="30" customHeight="1" x14ac:dyDescent="0.25">
      <c r="B59" s="83" t="s">
        <v>82</v>
      </c>
      <c r="C59" s="45" t="s">
        <v>139</v>
      </c>
      <c r="D59" s="52"/>
      <c r="E59" s="89"/>
      <c r="F59" s="90"/>
    </row>
    <row r="60" spans="2:6" s="4" customFormat="1" ht="24.95" customHeight="1" x14ac:dyDescent="0.25">
      <c r="B60" s="83" t="s">
        <v>68</v>
      </c>
      <c r="C60" s="45" t="s">
        <v>140</v>
      </c>
      <c r="D60" s="52"/>
      <c r="E60" s="107"/>
      <c r="F60" s="108"/>
    </row>
    <row r="61" spans="2:6" s="4" customFormat="1" ht="24.95" customHeight="1" x14ac:dyDescent="0.25">
      <c r="B61" s="83" t="s">
        <v>83</v>
      </c>
      <c r="C61" s="45" t="s">
        <v>141</v>
      </c>
      <c r="D61" s="52"/>
      <c r="E61" s="89"/>
      <c r="F61" s="90"/>
    </row>
    <row r="62" spans="2:6" s="4" customFormat="1" ht="30" customHeight="1" x14ac:dyDescent="0.25">
      <c r="B62" s="83" t="s">
        <v>84</v>
      </c>
      <c r="C62" s="45" t="s">
        <v>142</v>
      </c>
      <c r="D62" s="52"/>
      <c r="E62" s="89"/>
      <c r="F62" s="90"/>
    </row>
    <row r="63" spans="2:6" s="4" customFormat="1" ht="30" customHeight="1" x14ac:dyDescent="0.25">
      <c r="B63" s="83" t="s">
        <v>85</v>
      </c>
      <c r="C63" s="45" t="s">
        <v>143</v>
      </c>
      <c r="D63" s="52"/>
      <c r="E63" s="89"/>
      <c r="F63" s="90"/>
    </row>
    <row r="64" spans="2:6" s="4" customFormat="1" ht="24.95" customHeight="1" x14ac:dyDescent="0.25">
      <c r="B64" s="83" t="s">
        <v>86</v>
      </c>
      <c r="C64" s="45" t="s">
        <v>144</v>
      </c>
      <c r="D64" s="52"/>
      <c r="E64" s="89"/>
      <c r="F64" s="90"/>
    </row>
    <row r="65" spans="2:6" s="4" customFormat="1" ht="30" customHeight="1" x14ac:dyDescent="0.25">
      <c r="B65" s="83" t="s">
        <v>87</v>
      </c>
      <c r="C65" s="45" t="s">
        <v>145</v>
      </c>
      <c r="D65" s="52"/>
      <c r="E65" s="89"/>
      <c r="F65" s="90"/>
    </row>
    <row r="66" spans="2:6" s="4" customFormat="1" ht="24.95" customHeight="1" x14ac:dyDescent="0.25">
      <c r="B66" s="83" t="s">
        <v>88</v>
      </c>
      <c r="C66" s="45" t="s">
        <v>146</v>
      </c>
      <c r="D66" s="52"/>
      <c r="E66" s="89"/>
      <c r="F66" s="90"/>
    </row>
    <row r="67" spans="2:6" s="4" customFormat="1" ht="24.95" customHeight="1" x14ac:dyDescent="0.25">
      <c r="B67" s="83" t="s">
        <v>89</v>
      </c>
      <c r="C67" s="45" t="s">
        <v>147</v>
      </c>
      <c r="D67" s="52"/>
      <c r="E67" s="89"/>
      <c r="F67" s="90"/>
    </row>
    <row r="68" spans="2:6" s="4" customFormat="1" ht="24.95" customHeight="1" x14ac:dyDescent="0.25">
      <c r="B68" s="83" t="s">
        <v>90</v>
      </c>
      <c r="C68" s="45" t="s">
        <v>148</v>
      </c>
      <c r="D68" s="52"/>
      <c r="E68" s="89"/>
      <c r="F68" s="90"/>
    </row>
    <row r="69" spans="2:6" s="4" customFormat="1" ht="30" customHeight="1" x14ac:dyDescent="0.25">
      <c r="B69" s="83" t="s">
        <v>91</v>
      </c>
      <c r="C69" s="45" t="s">
        <v>153</v>
      </c>
      <c r="D69" s="52"/>
      <c r="E69" s="89"/>
      <c r="F69" s="90"/>
    </row>
    <row r="70" spans="2:6" s="4" customFormat="1" ht="46.5" customHeight="1" x14ac:dyDescent="0.25">
      <c r="B70" s="83" t="s">
        <v>120</v>
      </c>
      <c r="C70" s="45" t="s">
        <v>154</v>
      </c>
      <c r="D70" s="52"/>
      <c r="E70" s="89"/>
      <c r="F70" s="90"/>
    </row>
    <row r="71" spans="2:6" s="4" customFormat="1" ht="42" customHeight="1" x14ac:dyDescent="0.25">
      <c r="B71" s="83" t="s">
        <v>121</v>
      </c>
      <c r="C71" s="45" t="s">
        <v>155</v>
      </c>
      <c r="D71" s="52"/>
      <c r="E71" s="89"/>
      <c r="F71" s="90"/>
    </row>
    <row r="72" spans="2:6" s="4" customFormat="1" ht="30" customHeight="1" x14ac:dyDescent="0.25">
      <c r="B72" s="83" t="s">
        <v>149</v>
      </c>
      <c r="C72" s="45" t="s">
        <v>156</v>
      </c>
      <c r="D72" s="52"/>
      <c r="E72" s="89"/>
      <c r="F72" s="90"/>
    </row>
    <row r="73" spans="2:6" s="4" customFormat="1" ht="70.5" customHeight="1" x14ac:dyDescent="0.25">
      <c r="B73" s="83" t="s">
        <v>150</v>
      </c>
      <c r="C73" s="45" t="s">
        <v>157</v>
      </c>
      <c r="D73" s="52"/>
      <c r="E73" s="89"/>
      <c r="F73" s="90"/>
    </row>
    <row r="74" spans="2:6" s="4" customFormat="1" ht="24.95" customHeight="1" x14ac:dyDescent="0.25">
      <c r="B74" s="83" t="s">
        <v>151</v>
      </c>
      <c r="C74" s="45" t="s">
        <v>158</v>
      </c>
      <c r="D74" s="52"/>
      <c r="E74" s="89"/>
      <c r="F74" s="90"/>
    </row>
    <row r="75" spans="2:6" s="4" customFormat="1" ht="30" customHeight="1" x14ac:dyDescent="0.25">
      <c r="B75" s="84" t="s">
        <v>304</v>
      </c>
      <c r="C75" s="45" t="s">
        <v>159</v>
      </c>
      <c r="D75" s="52"/>
      <c r="E75" s="89"/>
      <c r="F75" s="90"/>
    </row>
    <row r="76" spans="2:6" s="4" customFormat="1" ht="30" customHeight="1" x14ac:dyDescent="0.25">
      <c r="B76" s="84" t="s">
        <v>305</v>
      </c>
      <c r="C76" s="45" t="s">
        <v>160</v>
      </c>
      <c r="D76" s="52"/>
      <c r="E76" s="107"/>
      <c r="F76" s="108"/>
    </row>
    <row r="77" spans="2:6" s="4" customFormat="1" ht="45" customHeight="1" x14ac:dyDescent="0.25">
      <c r="B77" s="84" t="s">
        <v>306</v>
      </c>
      <c r="C77" s="45" t="s">
        <v>161</v>
      </c>
      <c r="D77" s="52"/>
      <c r="E77" s="89"/>
      <c r="F77" s="90"/>
    </row>
    <row r="78" spans="2:6" s="4" customFormat="1" ht="30" customHeight="1" x14ac:dyDescent="0.25">
      <c r="B78" s="84" t="s">
        <v>307</v>
      </c>
      <c r="C78" s="45" t="s">
        <v>162</v>
      </c>
      <c r="D78" s="52"/>
      <c r="E78" s="89"/>
      <c r="F78" s="90"/>
    </row>
    <row r="79" spans="2:6" s="4" customFormat="1" ht="30.75" customHeight="1" x14ac:dyDescent="0.25">
      <c r="B79" s="84" t="s">
        <v>308</v>
      </c>
      <c r="C79" s="45" t="s">
        <v>163</v>
      </c>
      <c r="D79" s="52"/>
      <c r="E79" s="89"/>
      <c r="F79" s="90"/>
    </row>
    <row r="80" spans="2:6" s="4" customFormat="1" ht="24.95" customHeight="1" x14ac:dyDescent="0.25">
      <c r="B80" s="84" t="s">
        <v>309</v>
      </c>
      <c r="C80" s="45" t="s">
        <v>164</v>
      </c>
      <c r="D80" s="52"/>
      <c r="E80" s="89"/>
      <c r="F80" s="90"/>
    </row>
    <row r="81" spans="2:6" s="4" customFormat="1" ht="32.25" customHeight="1" x14ac:dyDescent="0.25">
      <c r="B81" s="84" t="s">
        <v>310</v>
      </c>
      <c r="C81" s="45" t="s">
        <v>165</v>
      </c>
      <c r="D81" s="52"/>
      <c r="E81" s="89"/>
      <c r="F81" s="90"/>
    </row>
    <row r="82" spans="2:6" s="4" customFormat="1" ht="32.25" customHeight="1" x14ac:dyDescent="0.25">
      <c r="B82" s="84" t="s">
        <v>311</v>
      </c>
      <c r="C82" s="45" t="s">
        <v>166</v>
      </c>
      <c r="D82" s="52"/>
      <c r="E82" s="89"/>
      <c r="F82" s="90"/>
    </row>
    <row r="83" spans="2:6" s="4" customFormat="1" ht="67.5" customHeight="1" x14ac:dyDescent="0.25">
      <c r="B83" s="83" t="s">
        <v>152</v>
      </c>
      <c r="C83" s="45" t="s">
        <v>167</v>
      </c>
      <c r="D83" s="52"/>
      <c r="E83" s="89"/>
      <c r="F83" s="90"/>
    </row>
    <row r="84" spans="2:6" s="4" customFormat="1" ht="32.25" customHeight="1" x14ac:dyDescent="0.25">
      <c r="B84" s="83" t="s">
        <v>168</v>
      </c>
      <c r="C84" s="45" t="s">
        <v>169</v>
      </c>
      <c r="D84" s="52"/>
      <c r="E84" s="89"/>
      <c r="F84" s="90"/>
    </row>
    <row r="85" spans="2:6" s="4" customFormat="1" ht="24.95" customHeight="1" x14ac:dyDescent="0.25">
      <c r="B85" s="83" t="s">
        <v>170</v>
      </c>
      <c r="C85" s="45" t="s">
        <v>171</v>
      </c>
      <c r="D85" s="52"/>
      <c r="E85" s="89"/>
      <c r="F85" s="90"/>
    </row>
    <row r="86" spans="2:6" s="4" customFormat="1" ht="42.75" customHeight="1" x14ac:dyDescent="0.25">
      <c r="B86" s="83" t="s">
        <v>173</v>
      </c>
      <c r="C86" s="45" t="s">
        <v>172</v>
      </c>
      <c r="D86" s="52"/>
      <c r="E86" s="89"/>
      <c r="F86" s="90"/>
    </row>
    <row r="87" spans="2:6" s="4" customFormat="1" ht="24.95" customHeight="1" x14ac:dyDescent="0.25">
      <c r="B87" s="83" t="s">
        <v>174</v>
      </c>
      <c r="C87" s="45" t="s">
        <v>176</v>
      </c>
      <c r="D87" s="52"/>
      <c r="E87" s="89"/>
      <c r="F87" s="90"/>
    </row>
    <row r="88" spans="2:6" s="4" customFormat="1" ht="24.95" customHeight="1" x14ac:dyDescent="0.25">
      <c r="B88" s="83" t="s">
        <v>175</v>
      </c>
      <c r="C88" s="45" t="s">
        <v>177</v>
      </c>
      <c r="D88" s="52"/>
      <c r="E88" s="89"/>
      <c r="F88" s="90"/>
    </row>
    <row r="89" spans="2:6" s="4" customFormat="1" ht="24.95" customHeight="1" x14ac:dyDescent="0.25">
      <c r="B89" s="84" t="s">
        <v>312</v>
      </c>
      <c r="C89" s="70" t="s">
        <v>186</v>
      </c>
      <c r="D89" s="52"/>
      <c r="E89" s="89"/>
      <c r="F89" s="90"/>
    </row>
    <row r="90" spans="2:6" s="4" customFormat="1" ht="24.95" customHeight="1" x14ac:dyDescent="0.25">
      <c r="B90" s="85" t="s">
        <v>313</v>
      </c>
      <c r="C90" s="45" t="s">
        <v>187</v>
      </c>
      <c r="D90" s="52"/>
      <c r="E90" s="89"/>
      <c r="F90" s="90"/>
    </row>
    <row r="91" spans="2:6" s="4" customFormat="1" ht="24.95" customHeight="1" x14ac:dyDescent="0.25">
      <c r="B91" s="85" t="s">
        <v>314</v>
      </c>
      <c r="C91" s="45" t="s">
        <v>188</v>
      </c>
      <c r="D91" s="52"/>
      <c r="E91" s="89"/>
      <c r="F91" s="90"/>
    </row>
    <row r="92" spans="2:6" s="4" customFormat="1" ht="24.95" customHeight="1" x14ac:dyDescent="0.25">
      <c r="B92" s="85" t="s">
        <v>315</v>
      </c>
      <c r="C92" s="45" t="s">
        <v>189</v>
      </c>
      <c r="D92" s="52"/>
      <c r="E92" s="89"/>
      <c r="F92" s="90"/>
    </row>
    <row r="93" spans="2:6" s="4" customFormat="1" ht="24.95" customHeight="1" x14ac:dyDescent="0.25">
      <c r="B93" s="85" t="s">
        <v>316</v>
      </c>
      <c r="C93" s="45" t="s">
        <v>190</v>
      </c>
      <c r="D93" s="52"/>
      <c r="E93" s="71"/>
      <c r="F93" s="72"/>
    </row>
    <row r="94" spans="2:6" s="4" customFormat="1" ht="24.95" customHeight="1" x14ac:dyDescent="0.25">
      <c r="B94" s="85" t="s">
        <v>317</v>
      </c>
      <c r="C94" s="45" t="s">
        <v>193</v>
      </c>
      <c r="D94" s="52"/>
      <c r="E94" s="71"/>
      <c r="F94" s="72"/>
    </row>
    <row r="95" spans="2:6" s="4" customFormat="1" ht="44.25" customHeight="1" x14ac:dyDescent="0.25">
      <c r="B95" s="85" t="s">
        <v>318</v>
      </c>
      <c r="C95" s="45" t="s">
        <v>195</v>
      </c>
      <c r="D95" s="52"/>
      <c r="E95" s="71"/>
      <c r="F95" s="72"/>
    </row>
    <row r="96" spans="2:6" s="4" customFormat="1" ht="30" customHeight="1" x14ac:dyDescent="0.25">
      <c r="B96" s="85" t="s">
        <v>319</v>
      </c>
      <c r="C96" s="45" t="s">
        <v>197</v>
      </c>
      <c r="D96" s="52"/>
      <c r="E96" s="71"/>
      <c r="F96" s="72"/>
    </row>
    <row r="97" spans="2:6" s="4" customFormat="1" ht="24.95" customHeight="1" x14ac:dyDescent="0.25">
      <c r="B97" s="85" t="s">
        <v>320</v>
      </c>
      <c r="C97" s="45" t="s">
        <v>198</v>
      </c>
      <c r="D97" s="52"/>
      <c r="E97" s="71"/>
      <c r="F97" s="72"/>
    </row>
    <row r="98" spans="2:6" s="4" customFormat="1" ht="24.95" customHeight="1" x14ac:dyDescent="0.25">
      <c r="B98" s="84" t="s">
        <v>321</v>
      </c>
      <c r="C98" s="70" t="s">
        <v>191</v>
      </c>
      <c r="D98" s="52"/>
      <c r="E98" s="105"/>
      <c r="F98" s="106"/>
    </row>
    <row r="99" spans="2:6" s="4" customFormat="1" ht="24.95" customHeight="1" x14ac:dyDescent="0.25">
      <c r="B99" s="85" t="s">
        <v>322</v>
      </c>
      <c r="C99" s="45" t="s">
        <v>192</v>
      </c>
      <c r="D99" s="52"/>
      <c r="E99" s="105"/>
      <c r="F99" s="106"/>
    </row>
    <row r="100" spans="2:6" s="4" customFormat="1" ht="24.95" customHeight="1" x14ac:dyDescent="0.25">
      <c r="B100" s="85" t="s">
        <v>323</v>
      </c>
      <c r="C100" s="45" t="s">
        <v>302</v>
      </c>
      <c r="D100" s="52"/>
      <c r="E100" s="105"/>
      <c r="F100" s="106"/>
    </row>
    <row r="101" spans="2:6" s="4" customFormat="1" ht="24.95" customHeight="1" x14ac:dyDescent="0.25">
      <c r="B101" s="85" t="s">
        <v>324</v>
      </c>
      <c r="C101" s="45" t="s">
        <v>194</v>
      </c>
      <c r="D101" s="52"/>
      <c r="E101" s="105"/>
      <c r="F101" s="106"/>
    </row>
    <row r="102" spans="2:6" s="4" customFormat="1" ht="30" customHeight="1" x14ac:dyDescent="0.25">
      <c r="B102" s="85" t="s">
        <v>325</v>
      </c>
      <c r="C102" s="45" t="s">
        <v>196</v>
      </c>
      <c r="D102" s="52"/>
      <c r="E102" s="71"/>
      <c r="F102" s="72"/>
    </row>
    <row r="103" spans="2:6" s="4" customFormat="1" ht="24.95" customHeight="1" x14ac:dyDescent="0.25">
      <c r="B103" s="85" t="s">
        <v>326</v>
      </c>
      <c r="C103" s="45" t="s">
        <v>199</v>
      </c>
      <c r="D103" s="52"/>
      <c r="E103" s="71"/>
      <c r="F103" s="72"/>
    </row>
    <row r="104" spans="2:6" s="4" customFormat="1" ht="24.95" customHeight="1" x14ac:dyDescent="0.25">
      <c r="B104" s="84" t="s">
        <v>327</v>
      </c>
      <c r="C104" s="70" t="s">
        <v>200</v>
      </c>
      <c r="D104" s="52"/>
      <c r="E104" s="89"/>
      <c r="F104" s="90"/>
    </row>
    <row r="105" spans="2:6" s="4" customFormat="1" ht="24.95" customHeight="1" x14ac:dyDescent="0.25">
      <c r="B105" s="85" t="s">
        <v>328</v>
      </c>
      <c r="C105" s="45" t="s">
        <v>303</v>
      </c>
      <c r="D105" s="52"/>
      <c r="E105" s="89"/>
      <c r="F105" s="90"/>
    </row>
    <row r="106" spans="2:6" s="4" customFormat="1" ht="30" customHeight="1" x14ac:dyDescent="0.25">
      <c r="B106" s="85" t="s">
        <v>329</v>
      </c>
      <c r="C106" s="45" t="s">
        <v>201</v>
      </c>
      <c r="D106" s="52"/>
      <c r="E106" s="89"/>
      <c r="F106" s="90"/>
    </row>
    <row r="107" spans="2:6" s="4" customFormat="1" ht="24.95" customHeight="1" x14ac:dyDescent="0.25">
      <c r="B107" s="85" t="s">
        <v>330</v>
      </c>
      <c r="C107" s="45" t="s">
        <v>202</v>
      </c>
      <c r="D107" s="52"/>
      <c r="E107" s="89"/>
      <c r="F107" s="90"/>
    </row>
    <row r="108" spans="2:6" s="4" customFormat="1" ht="30" customHeight="1" x14ac:dyDescent="0.25">
      <c r="B108" s="85" t="s">
        <v>331</v>
      </c>
      <c r="C108" s="45" t="s">
        <v>203</v>
      </c>
      <c r="D108" s="52"/>
      <c r="E108" s="89"/>
      <c r="F108" s="90"/>
    </row>
    <row r="109" spans="2:6" s="4" customFormat="1" ht="30" customHeight="1" x14ac:dyDescent="0.25">
      <c r="B109" s="85" t="s">
        <v>332</v>
      </c>
      <c r="C109" s="45" t="s">
        <v>204</v>
      </c>
      <c r="D109" s="52"/>
      <c r="E109" s="89"/>
      <c r="F109" s="90"/>
    </row>
    <row r="110" spans="2:6" s="4" customFormat="1" ht="24.95" customHeight="1" thickBot="1" x14ac:dyDescent="0.3">
      <c r="B110" s="85" t="s">
        <v>333</v>
      </c>
      <c r="C110" s="45" t="s">
        <v>205</v>
      </c>
      <c r="D110" s="52"/>
      <c r="E110" s="89"/>
      <c r="F110" s="90"/>
    </row>
    <row r="111" spans="2:6" s="25" customFormat="1" ht="30.75" customHeight="1" x14ac:dyDescent="0.25">
      <c r="B111" s="95" t="s">
        <v>185</v>
      </c>
      <c r="C111" s="97"/>
      <c r="D111" s="97"/>
      <c r="E111" s="97"/>
      <c r="F111" s="98"/>
    </row>
    <row r="112" spans="2:6" s="4" customFormat="1" ht="24.95" customHeight="1" x14ac:dyDescent="0.25">
      <c r="B112" s="67" t="s">
        <v>16</v>
      </c>
      <c r="C112" s="45" t="s">
        <v>299</v>
      </c>
      <c r="D112" s="66"/>
      <c r="E112" s="109"/>
      <c r="F112" s="110"/>
    </row>
    <row r="113" spans="2:6" s="4" customFormat="1" ht="24.95" customHeight="1" x14ac:dyDescent="0.25">
      <c r="B113" s="67" t="s">
        <v>59</v>
      </c>
      <c r="C113" s="45" t="s">
        <v>128</v>
      </c>
      <c r="D113" s="66"/>
      <c r="E113" s="109"/>
      <c r="F113" s="110"/>
    </row>
    <row r="114" spans="2:6" s="4" customFormat="1" ht="24.95" customHeight="1" x14ac:dyDescent="0.25">
      <c r="B114" s="67" t="s">
        <v>60</v>
      </c>
      <c r="C114" s="45" t="s">
        <v>129</v>
      </c>
      <c r="D114" s="52"/>
      <c r="E114" s="107"/>
      <c r="F114" s="108"/>
    </row>
    <row r="115" spans="2:6" s="4" customFormat="1" ht="24.95" customHeight="1" x14ac:dyDescent="0.25">
      <c r="B115" s="67" t="s">
        <v>61</v>
      </c>
      <c r="C115" s="45" t="s">
        <v>130</v>
      </c>
      <c r="D115" s="52"/>
      <c r="E115" s="89"/>
      <c r="F115" s="90"/>
    </row>
    <row r="116" spans="2:6" s="4" customFormat="1" ht="24.95" customHeight="1" x14ac:dyDescent="0.25">
      <c r="B116" s="67" t="s">
        <v>62</v>
      </c>
      <c r="C116" s="45" t="s">
        <v>131</v>
      </c>
      <c r="D116" s="52"/>
      <c r="E116" s="89"/>
      <c r="F116" s="90"/>
    </row>
    <row r="117" spans="2:6" s="4" customFormat="1" ht="24.95" customHeight="1" x14ac:dyDescent="0.25">
      <c r="B117" s="86" t="s">
        <v>63</v>
      </c>
      <c r="C117" s="45" t="s">
        <v>132</v>
      </c>
      <c r="D117" s="52"/>
      <c r="E117" s="89"/>
      <c r="F117" s="90"/>
    </row>
    <row r="118" spans="2:6" s="4" customFormat="1" ht="24.95" customHeight="1" x14ac:dyDescent="0.25">
      <c r="B118" s="87"/>
      <c r="C118" s="45" t="s">
        <v>300</v>
      </c>
      <c r="D118" s="52" t="s">
        <v>92</v>
      </c>
      <c r="E118" s="89" t="s">
        <v>92</v>
      </c>
      <c r="F118" s="90"/>
    </row>
    <row r="119" spans="2:6" s="4" customFormat="1" ht="24.95" customHeight="1" x14ac:dyDescent="0.25">
      <c r="B119" s="88"/>
      <c r="C119" s="45" t="s">
        <v>301</v>
      </c>
      <c r="D119" s="52"/>
      <c r="E119" s="89"/>
      <c r="F119" s="90"/>
    </row>
    <row r="120" spans="2:6" s="4" customFormat="1" ht="24.95" customHeight="1" x14ac:dyDescent="0.25">
      <c r="B120" s="67" t="s">
        <v>80</v>
      </c>
      <c r="C120" s="45" t="s">
        <v>133</v>
      </c>
      <c r="D120" s="52"/>
      <c r="E120" s="89"/>
      <c r="F120" s="90"/>
    </row>
    <row r="121" spans="2:6" s="4" customFormat="1" ht="29.25" customHeight="1" x14ac:dyDescent="0.25">
      <c r="B121" s="67" t="s">
        <v>64</v>
      </c>
      <c r="C121" s="45" t="s">
        <v>134</v>
      </c>
      <c r="D121" s="52"/>
      <c r="E121" s="89"/>
      <c r="F121" s="90"/>
    </row>
    <row r="122" spans="2:6" s="4" customFormat="1" ht="24.95" customHeight="1" x14ac:dyDescent="0.25">
      <c r="B122" s="67" t="s">
        <v>65</v>
      </c>
      <c r="C122" s="45" t="s">
        <v>135</v>
      </c>
      <c r="D122" s="52"/>
      <c r="E122" s="89"/>
      <c r="F122" s="90"/>
    </row>
    <row r="123" spans="2:6" s="4" customFormat="1" ht="24.95" customHeight="1" x14ac:dyDescent="0.25">
      <c r="B123" s="67" t="s">
        <v>66</v>
      </c>
      <c r="C123" s="45" t="s">
        <v>136</v>
      </c>
      <c r="D123" s="52"/>
      <c r="E123" s="89"/>
      <c r="F123" s="90"/>
    </row>
    <row r="124" spans="2:6" s="4" customFormat="1" ht="24.95" customHeight="1" x14ac:dyDescent="0.25">
      <c r="B124" s="67" t="s">
        <v>67</v>
      </c>
      <c r="C124" s="45" t="s">
        <v>137</v>
      </c>
      <c r="D124" s="52"/>
      <c r="E124" s="89"/>
      <c r="F124" s="90"/>
    </row>
    <row r="125" spans="2:6" s="4" customFormat="1" ht="24.95" customHeight="1" x14ac:dyDescent="0.25">
      <c r="B125" s="67" t="s">
        <v>81</v>
      </c>
      <c r="C125" s="45" t="s">
        <v>138</v>
      </c>
      <c r="D125" s="52"/>
      <c r="E125" s="89"/>
      <c r="F125" s="90"/>
    </row>
    <row r="126" spans="2:6" s="4" customFormat="1" ht="30" customHeight="1" x14ac:dyDescent="0.25">
      <c r="B126" s="83" t="s">
        <v>82</v>
      </c>
      <c r="C126" s="45" t="s">
        <v>139</v>
      </c>
      <c r="D126" s="52"/>
      <c r="E126" s="105"/>
      <c r="F126" s="106"/>
    </row>
    <row r="127" spans="2:6" s="4" customFormat="1" ht="24.95" customHeight="1" x14ac:dyDescent="0.25">
      <c r="B127" s="83" t="s">
        <v>68</v>
      </c>
      <c r="C127" s="45" t="s">
        <v>140</v>
      </c>
      <c r="D127" s="52"/>
      <c r="E127" s="107"/>
      <c r="F127" s="108"/>
    </row>
    <row r="128" spans="2:6" s="4" customFormat="1" ht="24.95" customHeight="1" x14ac:dyDescent="0.25">
      <c r="B128" s="83" t="s">
        <v>83</v>
      </c>
      <c r="C128" s="45" t="s">
        <v>141</v>
      </c>
      <c r="D128" s="52"/>
      <c r="E128" s="89"/>
      <c r="F128" s="90"/>
    </row>
    <row r="129" spans="2:6" s="4" customFormat="1" ht="30" customHeight="1" x14ac:dyDescent="0.25">
      <c r="B129" s="83" t="s">
        <v>84</v>
      </c>
      <c r="C129" s="45" t="s">
        <v>142</v>
      </c>
      <c r="D129" s="52"/>
      <c r="E129" s="89"/>
      <c r="F129" s="90"/>
    </row>
    <row r="130" spans="2:6" s="4" customFormat="1" ht="30" customHeight="1" x14ac:dyDescent="0.25">
      <c r="B130" s="83" t="s">
        <v>85</v>
      </c>
      <c r="C130" s="45" t="s">
        <v>143</v>
      </c>
      <c r="D130" s="52"/>
      <c r="E130" s="89"/>
      <c r="F130" s="90"/>
    </row>
    <row r="131" spans="2:6" s="4" customFormat="1" ht="24.95" customHeight="1" x14ac:dyDescent="0.25">
      <c r="B131" s="83" t="s">
        <v>86</v>
      </c>
      <c r="C131" s="45" t="s">
        <v>144</v>
      </c>
      <c r="D131" s="52"/>
      <c r="E131" s="89"/>
      <c r="F131" s="90"/>
    </row>
    <row r="132" spans="2:6" s="4" customFormat="1" ht="30" customHeight="1" x14ac:dyDescent="0.25">
      <c r="B132" s="83" t="s">
        <v>87</v>
      </c>
      <c r="C132" s="45" t="s">
        <v>145</v>
      </c>
      <c r="D132" s="52"/>
      <c r="E132" s="89"/>
      <c r="F132" s="90"/>
    </row>
    <row r="133" spans="2:6" s="4" customFormat="1" ht="24.95" customHeight="1" x14ac:dyDescent="0.25">
      <c r="B133" s="83" t="s">
        <v>88</v>
      </c>
      <c r="C133" s="45" t="s">
        <v>146</v>
      </c>
      <c r="D133" s="52"/>
      <c r="E133" s="89"/>
      <c r="F133" s="90"/>
    </row>
    <row r="134" spans="2:6" s="4" customFormat="1" ht="24.95" customHeight="1" x14ac:dyDescent="0.25">
      <c r="B134" s="83" t="s">
        <v>89</v>
      </c>
      <c r="C134" s="45" t="s">
        <v>147</v>
      </c>
      <c r="D134" s="52"/>
      <c r="E134" s="89"/>
      <c r="F134" s="90"/>
    </row>
    <row r="135" spans="2:6" s="4" customFormat="1" ht="24.95" customHeight="1" x14ac:dyDescent="0.25">
      <c r="B135" s="83" t="s">
        <v>90</v>
      </c>
      <c r="C135" s="45" t="s">
        <v>148</v>
      </c>
      <c r="D135" s="52"/>
      <c r="E135" s="89"/>
      <c r="F135" s="90"/>
    </row>
    <row r="136" spans="2:6" s="4" customFormat="1" ht="30" customHeight="1" x14ac:dyDescent="0.25">
      <c r="B136" s="83" t="s">
        <v>91</v>
      </c>
      <c r="C136" s="45" t="s">
        <v>153</v>
      </c>
      <c r="D136" s="52"/>
      <c r="E136" s="89"/>
      <c r="F136" s="90"/>
    </row>
    <row r="137" spans="2:6" s="4" customFormat="1" ht="46.5" customHeight="1" x14ac:dyDescent="0.25">
      <c r="B137" s="83" t="s">
        <v>120</v>
      </c>
      <c r="C137" s="45" t="s">
        <v>154</v>
      </c>
      <c r="D137" s="52"/>
      <c r="E137" s="89"/>
      <c r="F137" s="90"/>
    </row>
    <row r="138" spans="2:6" s="4" customFormat="1" ht="42" customHeight="1" x14ac:dyDescent="0.25">
      <c r="B138" s="83" t="s">
        <v>121</v>
      </c>
      <c r="C138" s="45" t="s">
        <v>155</v>
      </c>
      <c r="D138" s="52"/>
      <c r="E138" s="89"/>
      <c r="F138" s="90"/>
    </row>
    <row r="139" spans="2:6" s="4" customFormat="1" ht="30" customHeight="1" x14ac:dyDescent="0.25">
      <c r="B139" s="83" t="s">
        <v>149</v>
      </c>
      <c r="C139" s="45" t="s">
        <v>156</v>
      </c>
      <c r="D139" s="52"/>
      <c r="E139" s="89"/>
      <c r="F139" s="90"/>
    </row>
    <row r="140" spans="2:6" s="4" customFormat="1" ht="70.5" customHeight="1" x14ac:dyDescent="0.25">
      <c r="B140" s="83" t="s">
        <v>150</v>
      </c>
      <c r="C140" s="45" t="s">
        <v>157</v>
      </c>
      <c r="D140" s="52"/>
      <c r="E140" s="89"/>
      <c r="F140" s="90"/>
    </row>
    <row r="141" spans="2:6" s="4" customFormat="1" ht="24.95" customHeight="1" x14ac:dyDescent="0.25">
      <c r="B141" s="83" t="s">
        <v>151</v>
      </c>
      <c r="C141" s="45" t="s">
        <v>158</v>
      </c>
      <c r="D141" s="52"/>
      <c r="E141" s="89"/>
      <c r="F141" s="90"/>
    </row>
    <row r="142" spans="2:6" s="4" customFormat="1" ht="30" customHeight="1" x14ac:dyDescent="0.25">
      <c r="B142" s="84" t="s">
        <v>304</v>
      </c>
      <c r="C142" s="45" t="s">
        <v>159</v>
      </c>
      <c r="D142" s="52"/>
      <c r="E142" s="89"/>
      <c r="F142" s="90"/>
    </row>
    <row r="143" spans="2:6" s="4" customFormat="1" ht="30" customHeight="1" x14ac:dyDescent="0.25">
      <c r="B143" s="84" t="s">
        <v>305</v>
      </c>
      <c r="C143" s="45" t="s">
        <v>160</v>
      </c>
      <c r="D143" s="52"/>
      <c r="E143" s="107"/>
      <c r="F143" s="108"/>
    </row>
    <row r="144" spans="2:6" s="4" customFormat="1" ht="45" customHeight="1" x14ac:dyDescent="0.25">
      <c r="B144" s="84" t="s">
        <v>306</v>
      </c>
      <c r="C144" s="45" t="s">
        <v>161</v>
      </c>
      <c r="D144" s="52"/>
      <c r="E144" s="89"/>
      <c r="F144" s="90"/>
    </row>
    <row r="145" spans="2:6" s="4" customFormat="1" ht="30" customHeight="1" x14ac:dyDescent="0.25">
      <c r="B145" s="84" t="s">
        <v>307</v>
      </c>
      <c r="C145" s="45" t="s">
        <v>162</v>
      </c>
      <c r="D145" s="52"/>
      <c r="E145" s="89"/>
      <c r="F145" s="90"/>
    </row>
    <row r="146" spans="2:6" s="4" customFormat="1" ht="30" customHeight="1" x14ac:dyDescent="0.25">
      <c r="B146" s="84" t="s">
        <v>308</v>
      </c>
      <c r="C146" s="45" t="s">
        <v>163</v>
      </c>
      <c r="D146" s="52"/>
      <c r="E146" s="89"/>
      <c r="F146" s="90"/>
    </row>
    <row r="147" spans="2:6" s="4" customFormat="1" ht="24.95" customHeight="1" x14ac:dyDescent="0.25">
      <c r="B147" s="84" t="s">
        <v>309</v>
      </c>
      <c r="C147" s="45" t="s">
        <v>164</v>
      </c>
      <c r="D147" s="52"/>
      <c r="E147" s="89"/>
      <c r="F147" s="90"/>
    </row>
    <row r="148" spans="2:6" s="4" customFormat="1" ht="30" customHeight="1" x14ac:dyDescent="0.25">
      <c r="B148" s="84" t="s">
        <v>310</v>
      </c>
      <c r="C148" s="45" t="s">
        <v>165</v>
      </c>
      <c r="D148" s="52"/>
      <c r="E148" s="89"/>
      <c r="F148" s="90"/>
    </row>
    <row r="149" spans="2:6" s="4" customFormat="1" ht="31.5" customHeight="1" x14ac:dyDescent="0.25">
      <c r="B149" s="84" t="s">
        <v>311</v>
      </c>
      <c r="C149" s="45" t="s">
        <v>166</v>
      </c>
      <c r="D149" s="52"/>
      <c r="E149" s="89"/>
      <c r="F149" s="90"/>
    </row>
    <row r="150" spans="2:6" s="4" customFormat="1" ht="67.5" customHeight="1" x14ac:dyDescent="0.25">
      <c r="B150" s="83" t="s">
        <v>152</v>
      </c>
      <c r="C150" s="45" t="s">
        <v>167</v>
      </c>
      <c r="D150" s="52"/>
      <c r="E150" s="89"/>
      <c r="F150" s="90"/>
    </row>
    <row r="151" spans="2:6" s="4" customFormat="1" ht="30" customHeight="1" x14ac:dyDescent="0.25">
      <c r="B151" s="83" t="s">
        <v>168</v>
      </c>
      <c r="C151" s="45" t="s">
        <v>169</v>
      </c>
      <c r="D151" s="52"/>
      <c r="E151" s="89"/>
      <c r="F151" s="90"/>
    </row>
    <row r="152" spans="2:6" s="4" customFormat="1" ht="24.95" customHeight="1" x14ac:dyDescent="0.25">
      <c r="B152" s="83" t="s">
        <v>170</v>
      </c>
      <c r="C152" s="45" t="s">
        <v>171</v>
      </c>
      <c r="D152" s="52"/>
      <c r="E152" s="89"/>
      <c r="F152" s="90"/>
    </row>
    <row r="153" spans="2:6" s="4" customFormat="1" ht="42.75" customHeight="1" x14ac:dyDescent="0.25">
      <c r="B153" s="83" t="s">
        <v>173</v>
      </c>
      <c r="C153" s="45" t="s">
        <v>172</v>
      </c>
      <c r="D153" s="52"/>
      <c r="E153" s="89"/>
      <c r="F153" s="90"/>
    </row>
    <row r="154" spans="2:6" s="4" customFormat="1" ht="24.95" customHeight="1" x14ac:dyDescent="0.25">
      <c r="B154" s="83" t="s">
        <v>174</v>
      </c>
      <c r="C154" s="45" t="s">
        <v>176</v>
      </c>
      <c r="D154" s="52"/>
      <c r="E154" s="89"/>
      <c r="F154" s="90"/>
    </row>
    <row r="155" spans="2:6" s="4" customFormat="1" ht="24.95" customHeight="1" x14ac:dyDescent="0.25">
      <c r="B155" s="83" t="s">
        <v>175</v>
      </c>
      <c r="C155" s="45" t="s">
        <v>177</v>
      </c>
      <c r="D155" s="52"/>
      <c r="E155" s="89"/>
      <c r="F155" s="90"/>
    </row>
    <row r="156" spans="2:6" s="4" customFormat="1" ht="24.95" customHeight="1" x14ac:dyDescent="0.25">
      <c r="B156" s="69" t="s">
        <v>312</v>
      </c>
      <c r="C156" s="70" t="s">
        <v>178</v>
      </c>
      <c r="D156" s="52"/>
      <c r="E156" s="89"/>
      <c r="F156" s="90"/>
    </row>
    <row r="157" spans="2:6" s="4" customFormat="1" ht="24.95" customHeight="1" x14ac:dyDescent="0.25">
      <c r="B157" s="68" t="s">
        <v>313</v>
      </c>
      <c r="C157" s="45" t="s">
        <v>179</v>
      </c>
      <c r="D157" s="52"/>
      <c r="E157" s="89"/>
      <c r="F157" s="90"/>
    </row>
    <row r="158" spans="2:6" s="4" customFormat="1" ht="24.95" customHeight="1" x14ac:dyDescent="0.25">
      <c r="B158" s="68" t="s">
        <v>314</v>
      </c>
      <c r="C158" s="45" t="s">
        <v>334</v>
      </c>
      <c r="D158" s="52"/>
      <c r="E158" s="89"/>
      <c r="F158" s="90"/>
    </row>
    <row r="159" spans="2:6" s="4" customFormat="1" ht="24.95" customHeight="1" x14ac:dyDescent="0.25">
      <c r="B159" s="68" t="s">
        <v>315</v>
      </c>
      <c r="C159" s="45" t="s">
        <v>335</v>
      </c>
      <c r="D159" s="52"/>
      <c r="E159" s="89"/>
      <c r="F159" s="90"/>
    </row>
    <row r="160" spans="2:6" s="4" customFormat="1" ht="24.95" customHeight="1" x14ac:dyDescent="0.25">
      <c r="B160" s="69" t="s">
        <v>321</v>
      </c>
      <c r="C160" s="70" t="s">
        <v>180</v>
      </c>
      <c r="D160" s="52"/>
      <c r="E160" s="89"/>
      <c r="F160" s="90"/>
    </row>
    <row r="161" spans="2:6" s="4" customFormat="1" ht="24.95" customHeight="1" x14ac:dyDescent="0.25">
      <c r="B161" s="68" t="s">
        <v>322</v>
      </c>
      <c r="C161" s="45" t="s">
        <v>181</v>
      </c>
      <c r="D161" s="52"/>
      <c r="E161" s="89"/>
      <c r="F161" s="90"/>
    </row>
    <row r="162" spans="2:6" s="4" customFormat="1" ht="24.95" customHeight="1" x14ac:dyDescent="0.25">
      <c r="B162" s="68" t="s">
        <v>323</v>
      </c>
      <c r="C162" s="45" t="s">
        <v>182</v>
      </c>
      <c r="D162" s="52"/>
      <c r="E162" s="89"/>
      <c r="F162" s="90"/>
    </row>
    <row r="163" spans="2:6" s="4" customFormat="1" ht="24.95" customHeight="1" x14ac:dyDescent="0.25">
      <c r="B163" s="68" t="s">
        <v>324</v>
      </c>
      <c r="C163" s="45" t="s">
        <v>336</v>
      </c>
      <c r="D163" s="52"/>
      <c r="E163" s="89"/>
      <c r="F163" s="90"/>
    </row>
    <row r="164" spans="2:6" s="4" customFormat="1" ht="24.95" customHeight="1" x14ac:dyDescent="0.25">
      <c r="B164" s="69" t="s">
        <v>327</v>
      </c>
      <c r="C164" s="70" t="s">
        <v>183</v>
      </c>
      <c r="D164" s="52"/>
      <c r="E164" s="89"/>
      <c r="F164" s="90"/>
    </row>
    <row r="165" spans="2:6" s="4" customFormat="1" ht="24.95" customHeight="1" x14ac:dyDescent="0.25">
      <c r="B165" s="68" t="s">
        <v>328</v>
      </c>
      <c r="C165" s="45" t="s">
        <v>184</v>
      </c>
      <c r="D165" s="52"/>
      <c r="E165" s="89"/>
      <c r="F165" s="90"/>
    </row>
    <row r="166" spans="2:6" s="4" customFormat="1" ht="24.95" customHeight="1" thickBot="1" x14ac:dyDescent="0.3">
      <c r="B166" s="68" t="s">
        <v>329</v>
      </c>
      <c r="C166" s="45" t="s">
        <v>337</v>
      </c>
      <c r="D166" s="52"/>
      <c r="E166" s="89"/>
      <c r="F166" s="90"/>
    </row>
    <row r="167" spans="2:6" s="25" customFormat="1" ht="30.75" customHeight="1" x14ac:dyDescent="0.25">
      <c r="B167" s="95" t="s">
        <v>219</v>
      </c>
      <c r="C167" s="97"/>
      <c r="D167" s="97"/>
      <c r="E167" s="97"/>
      <c r="F167" s="98"/>
    </row>
    <row r="168" spans="2:6" s="4" customFormat="1" ht="30" customHeight="1" x14ac:dyDescent="0.25">
      <c r="B168" s="101" t="s">
        <v>206</v>
      </c>
      <c r="C168" s="102"/>
      <c r="D168" s="52" t="s">
        <v>92</v>
      </c>
      <c r="E168" s="103" t="s">
        <v>92</v>
      </c>
      <c r="F168" s="104"/>
    </row>
    <row r="169" spans="2:6" s="4" customFormat="1" ht="30" customHeight="1" x14ac:dyDescent="0.25">
      <c r="B169" s="73" t="s">
        <v>16</v>
      </c>
      <c r="C169" s="64" t="s">
        <v>207</v>
      </c>
      <c r="D169" s="52"/>
      <c r="E169" s="105"/>
      <c r="F169" s="106"/>
    </row>
    <row r="170" spans="2:6" s="4" customFormat="1" ht="30" customHeight="1" x14ac:dyDescent="0.25">
      <c r="B170" s="74" t="s">
        <v>209</v>
      </c>
      <c r="C170" s="64" t="s">
        <v>208</v>
      </c>
      <c r="D170" s="52"/>
      <c r="E170" s="105"/>
      <c r="F170" s="106"/>
    </row>
    <row r="171" spans="2:6" s="4" customFormat="1" ht="45.75" customHeight="1" x14ac:dyDescent="0.25">
      <c r="B171" s="74" t="s">
        <v>211</v>
      </c>
      <c r="C171" s="64" t="s">
        <v>210</v>
      </c>
      <c r="D171" s="52"/>
      <c r="E171" s="105"/>
      <c r="F171" s="106"/>
    </row>
    <row r="172" spans="2:6" s="4" customFormat="1" ht="24.95" customHeight="1" x14ac:dyDescent="0.25">
      <c r="B172" s="73" t="s">
        <v>59</v>
      </c>
      <c r="C172" s="81" t="s">
        <v>212</v>
      </c>
      <c r="D172" s="52"/>
      <c r="E172" s="105"/>
      <c r="F172" s="106"/>
    </row>
    <row r="173" spans="2:6" s="4" customFormat="1" ht="24.95" customHeight="1" x14ac:dyDescent="0.25">
      <c r="B173" s="73" t="s">
        <v>60</v>
      </c>
      <c r="C173" s="64" t="s">
        <v>213</v>
      </c>
      <c r="D173" s="52"/>
      <c r="E173" s="105"/>
      <c r="F173" s="106"/>
    </row>
    <row r="174" spans="2:6" s="4" customFormat="1" ht="24.95" customHeight="1" x14ac:dyDescent="0.25">
      <c r="B174" s="73" t="s">
        <v>61</v>
      </c>
      <c r="C174" s="64" t="s">
        <v>239</v>
      </c>
      <c r="D174" s="52"/>
      <c r="E174" s="105"/>
      <c r="F174" s="106"/>
    </row>
    <row r="175" spans="2:6" s="4" customFormat="1" ht="24.95" customHeight="1" x14ac:dyDescent="0.25">
      <c r="B175" s="73" t="s">
        <v>62</v>
      </c>
      <c r="C175" s="82" t="s">
        <v>214</v>
      </c>
      <c r="D175" s="52"/>
      <c r="E175" s="105"/>
      <c r="F175" s="106"/>
    </row>
    <row r="176" spans="2:6" s="4" customFormat="1" ht="58.5" customHeight="1" x14ac:dyDescent="0.25">
      <c r="B176" s="74" t="s">
        <v>100</v>
      </c>
      <c r="C176" s="82" t="s">
        <v>215</v>
      </c>
      <c r="D176" s="52"/>
      <c r="E176" s="105"/>
      <c r="F176" s="106"/>
    </row>
    <row r="177" spans="2:6" s="4" customFormat="1" ht="44.25" customHeight="1" x14ac:dyDescent="0.25">
      <c r="B177" s="74" t="s">
        <v>101</v>
      </c>
      <c r="C177" s="82" t="s">
        <v>210</v>
      </c>
      <c r="D177" s="52"/>
      <c r="E177" s="105"/>
      <c r="F177" s="106"/>
    </row>
    <row r="178" spans="2:6" s="4" customFormat="1" ht="30" customHeight="1" x14ac:dyDescent="0.25">
      <c r="B178" s="73" t="s">
        <v>63</v>
      </c>
      <c r="C178" s="82" t="s">
        <v>340</v>
      </c>
      <c r="D178" s="52"/>
      <c r="E178" s="105"/>
      <c r="F178" s="106"/>
    </row>
    <row r="179" spans="2:6" s="4" customFormat="1" ht="30" customHeight="1" thickBot="1" x14ac:dyDescent="0.3">
      <c r="B179" s="149" t="s">
        <v>80</v>
      </c>
      <c r="C179" s="150" t="s">
        <v>339</v>
      </c>
      <c r="D179" s="53"/>
      <c r="E179" s="99"/>
      <c r="F179" s="100"/>
    </row>
    <row r="180" spans="2:6" s="4" customFormat="1" ht="30" customHeight="1" x14ac:dyDescent="0.25">
      <c r="B180" s="95" t="s">
        <v>218</v>
      </c>
      <c r="C180" s="97"/>
      <c r="D180" s="97"/>
      <c r="E180" s="97"/>
      <c r="F180" s="98"/>
    </row>
    <row r="181" spans="2:6" s="4" customFormat="1" ht="30" customHeight="1" x14ac:dyDescent="0.25">
      <c r="B181" s="101" t="s">
        <v>206</v>
      </c>
      <c r="C181" s="102"/>
      <c r="D181" s="52" t="s">
        <v>92</v>
      </c>
      <c r="E181" s="103" t="s">
        <v>92</v>
      </c>
      <c r="F181" s="104"/>
    </row>
    <row r="182" spans="2:6" s="4" customFormat="1" ht="30" customHeight="1" x14ac:dyDescent="0.25">
      <c r="B182" s="73" t="s">
        <v>16</v>
      </c>
      <c r="C182" s="64" t="s">
        <v>207</v>
      </c>
      <c r="D182" s="52"/>
      <c r="E182" s="105"/>
      <c r="F182" s="106"/>
    </row>
    <row r="183" spans="2:6" s="4" customFormat="1" ht="30" customHeight="1" x14ac:dyDescent="0.25">
      <c r="B183" s="74" t="s">
        <v>209</v>
      </c>
      <c r="C183" s="64" t="s">
        <v>208</v>
      </c>
      <c r="D183" s="52"/>
      <c r="E183" s="105"/>
      <c r="F183" s="106"/>
    </row>
    <row r="184" spans="2:6" s="4" customFormat="1" ht="46.5" customHeight="1" x14ac:dyDescent="0.25">
      <c r="B184" s="74" t="s">
        <v>211</v>
      </c>
      <c r="C184" s="64" t="s">
        <v>210</v>
      </c>
      <c r="D184" s="52"/>
      <c r="E184" s="105"/>
      <c r="F184" s="106"/>
    </row>
    <row r="185" spans="2:6" s="4" customFormat="1" ht="30" customHeight="1" x14ac:dyDescent="0.25">
      <c r="B185" s="73" t="s">
        <v>59</v>
      </c>
      <c r="C185" s="81" t="s">
        <v>212</v>
      </c>
      <c r="D185" s="52"/>
      <c r="E185" s="105"/>
      <c r="F185" s="106"/>
    </row>
    <row r="186" spans="2:6" s="4" customFormat="1" ht="30" customHeight="1" x14ac:dyDescent="0.25">
      <c r="B186" s="73" t="s">
        <v>60</v>
      </c>
      <c r="C186" s="64" t="s">
        <v>213</v>
      </c>
      <c r="D186" s="52"/>
      <c r="E186" s="105"/>
      <c r="F186" s="106"/>
    </row>
    <row r="187" spans="2:6" s="4" customFormat="1" ht="30" customHeight="1" x14ac:dyDescent="0.25">
      <c r="B187" s="73" t="s">
        <v>61</v>
      </c>
      <c r="C187" s="64" t="s">
        <v>239</v>
      </c>
      <c r="D187" s="52"/>
      <c r="E187" s="105"/>
      <c r="F187" s="106"/>
    </row>
    <row r="188" spans="2:6" s="4" customFormat="1" ht="30" customHeight="1" x14ac:dyDescent="0.25">
      <c r="B188" s="73" t="s">
        <v>62</v>
      </c>
      <c r="C188" s="82" t="s">
        <v>214</v>
      </c>
      <c r="D188" s="52"/>
      <c r="E188" s="105"/>
      <c r="F188" s="106"/>
    </row>
    <row r="189" spans="2:6" s="4" customFormat="1" ht="57" customHeight="1" x14ac:dyDescent="0.25">
      <c r="B189" s="74" t="s">
        <v>100</v>
      </c>
      <c r="C189" s="82" t="s">
        <v>215</v>
      </c>
      <c r="D189" s="52"/>
      <c r="E189" s="105"/>
      <c r="F189" s="106"/>
    </row>
    <row r="190" spans="2:6" s="4" customFormat="1" ht="40.5" customHeight="1" x14ac:dyDescent="0.25">
      <c r="B190" s="74" t="s">
        <v>101</v>
      </c>
      <c r="C190" s="82" t="s">
        <v>210</v>
      </c>
      <c r="D190" s="52"/>
      <c r="E190" s="105"/>
      <c r="F190" s="106"/>
    </row>
    <row r="191" spans="2:6" s="4" customFormat="1" ht="30" customHeight="1" x14ac:dyDescent="0.25">
      <c r="B191" s="73" t="s">
        <v>63</v>
      </c>
      <c r="C191" s="82" t="s">
        <v>340</v>
      </c>
      <c r="D191" s="52"/>
      <c r="E191" s="105"/>
      <c r="F191" s="106"/>
    </row>
    <row r="192" spans="2:6" s="4" customFormat="1" ht="30" customHeight="1" thickBot="1" x14ac:dyDescent="0.3">
      <c r="B192" s="149" t="s">
        <v>80</v>
      </c>
      <c r="C192" s="150" t="s">
        <v>339</v>
      </c>
      <c r="D192" s="53"/>
      <c r="E192" s="99"/>
      <c r="F192" s="100"/>
    </row>
    <row r="193" spans="2:6" s="3" customFormat="1" ht="5.0999999999999996" customHeight="1" x14ac:dyDescent="0.25">
      <c r="B193" s="5"/>
      <c r="C193" s="5"/>
      <c r="D193" s="7"/>
      <c r="E193" s="7"/>
      <c r="F193" s="26"/>
    </row>
    <row r="194" spans="2:6" s="2" customFormat="1" ht="20.100000000000001" customHeight="1" x14ac:dyDescent="0.25">
      <c r="B194" s="115" t="s">
        <v>48</v>
      </c>
      <c r="C194" s="115"/>
      <c r="D194" s="115"/>
      <c r="E194" s="115"/>
      <c r="F194" s="115"/>
    </row>
    <row r="195" spans="2:6" s="2" customFormat="1" ht="5.0999999999999996" customHeight="1" thickBot="1" x14ac:dyDescent="0.3">
      <c r="B195" s="15"/>
      <c r="D195" s="6"/>
      <c r="E195" s="6"/>
      <c r="F195" s="6"/>
    </row>
    <row r="196" spans="2:6" s="3" customFormat="1" ht="69" customHeight="1" x14ac:dyDescent="0.25">
      <c r="B196" s="119" t="s">
        <v>8</v>
      </c>
      <c r="C196" s="120"/>
      <c r="D196" s="137" t="s">
        <v>31</v>
      </c>
      <c r="E196" s="138"/>
      <c r="F196" s="139"/>
    </row>
    <row r="197" spans="2:6" s="3" customFormat="1" ht="30" customHeight="1" thickBot="1" x14ac:dyDescent="0.3">
      <c r="B197" s="121"/>
      <c r="C197" s="122"/>
      <c r="D197" s="24" t="s">
        <v>7</v>
      </c>
      <c r="E197" s="140" t="s">
        <v>32</v>
      </c>
      <c r="F197" s="141"/>
    </row>
    <row r="198" spans="2:6" s="4" customFormat="1" ht="30" customHeight="1" x14ac:dyDescent="0.25">
      <c r="B198" s="95" t="s">
        <v>220</v>
      </c>
      <c r="C198" s="96"/>
      <c r="D198" s="97"/>
      <c r="E198" s="97"/>
      <c r="F198" s="98"/>
    </row>
    <row r="199" spans="2:6" s="2" customFormat="1" ht="30.75" customHeight="1" x14ac:dyDescent="0.25">
      <c r="B199" s="62" t="s">
        <v>16</v>
      </c>
      <c r="C199" s="27" t="s">
        <v>93</v>
      </c>
      <c r="D199" s="52"/>
      <c r="E199" s="91"/>
      <c r="F199" s="92"/>
    </row>
    <row r="200" spans="2:6" s="2" customFormat="1" ht="30.75" customHeight="1" x14ac:dyDescent="0.25">
      <c r="B200" s="62" t="s">
        <v>59</v>
      </c>
      <c r="C200" s="27" t="s">
        <v>298</v>
      </c>
      <c r="D200" s="52"/>
      <c r="E200" s="91"/>
      <c r="F200" s="92"/>
    </row>
    <row r="201" spans="2:6" s="2" customFormat="1" ht="42" customHeight="1" x14ac:dyDescent="0.25">
      <c r="B201" s="51" t="s">
        <v>78</v>
      </c>
      <c r="C201" s="27" t="s">
        <v>240</v>
      </c>
      <c r="D201" s="52"/>
      <c r="E201" s="91"/>
      <c r="F201" s="92"/>
    </row>
    <row r="202" spans="2:6" s="2" customFormat="1" ht="30.75" customHeight="1" x14ac:dyDescent="0.25">
      <c r="B202" s="51" t="s">
        <v>79</v>
      </c>
      <c r="C202" s="27" t="s">
        <v>94</v>
      </c>
      <c r="D202" s="52"/>
      <c r="E202" s="91"/>
      <c r="F202" s="92"/>
    </row>
    <row r="203" spans="2:6" s="2" customFormat="1" ht="30.75" customHeight="1" x14ac:dyDescent="0.25">
      <c r="B203" s="51" t="s">
        <v>96</v>
      </c>
      <c r="C203" s="27" t="s">
        <v>95</v>
      </c>
      <c r="D203" s="52"/>
      <c r="E203" s="91"/>
      <c r="F203" s="92"/>
    </row>
    <row r="204" spans="2:6" s="2" customFormat="1" ht="57.75" customHeight="1" x14ac:dyDescent="0.25">
      <c r="B204" s="51" t="s">
        <v>97</v>
      </c>
      <c r="C204" s="27" t="s">
        <v>241</v>
      </c>
      <c r="D204" s="52"/>
      <c r="E204" s="91"/>
      <c r="F204" s="92"/>
    </row>
    <row r="205" spans="2:6" s="2" customFormat="1" ht="43.5" customHeight="1" x14ac:dyDescent="0.25">
      <c r="B205" s="51" t="s">
        <v>98</v>
      </c>
      <c r="C205" s="27" t="s">
        <v>242</v>
      </c>
      <c r="D205" s="52"/>
      <c r="E205" s="91"/>
      <c r="F205" s="92"/>
    </row>
    <row r="206" spans="2:6" s="2" customFormat="1" ht="141" customHeight="1" x14ac:dyDescent="0.25">
      <c r="B206" s="51" t="s">
        <v>99</v>
      </c>
      <c r="C206" s="27" t="s">
        <v>243</v>
      </c>
      <c r="D206" s="52"/>
      <c r="E206" s="91"/>
      <c r="F206" s="92"/>
    </row>
    <row r="207" spans="2:6" s="2" customFormat="1" ht="30.75" customHeight="1" x14ac:dyDescent="0.25">
      <c r="B207" s="62" t="s">
        <v>60</v>
      </c>
      <c r="C207" s="27" t="s">
        <v>244</v>
      </c>
      <c r="D207" s="52"/>
      <c r="E207" s="91"/>
      <c r="F207" s="92"/>
    </row>
    <row r="208" spans="2:6" s="2" customFormat="1" ht="96.75" customHeight="1" x14ac:dyDescent="0.25">
      <c r="B208" s="62" t="s">
        <v>61</v>
      </c>
      <c r="C208" s="27" t="s">
        <v>245</v>
      </c>
      <c r="D208" s="52"/>
      <c r="E208" s="91"/>
      <c r="F208" s="92"/>
    </row>
    <row r="209" spans="2:6" s="2" customFormat="1" ht="45" customHeight="1" x14ac:dyDescent="0.25">
      <c r="B209" s="62" t="s">
        <v>62</v>
      </c>
      <c r="C209" s="27" t="s">
        <v>105</v>
      </c>
      <c r="D209" s="52"/>
      <c r="E209" s="91"/>
      <c r="F209" s="92"/>
    </row>
    <row r="210" spans="2:6" s="2" customFormat="1" ht="30.75" customHeight="1" x14ac:dyDescent="0.25">
      <c r="B210" s="51" t="s">
        <v>100</v>
      </c>
      <c r="C210" s="27" t="s">
        <v>106</v>
      </c>
      <c r="D210" s="52"/>
      <c r="E210" s="91"/>
      <c r="F210" s="92"/>
    </row>
    <row r="211" spans="2:6" s="2" customFormat="1" ht="30.75" customHeight="1" x14ac:dyDescent="0.25">
      <c r="B211" s="51" t="s">
        <v>101</v>
      </c>
      <c r="C211" s="27" t="s">
        <v>107</v>
      </c>
      <c r="D211" s="52"/>
      <c r="E211" s="91"/>
      <c r="F211" s="92"/>
    </row>
    <row r="212" spans="2:6" s="2" customFormat="1" ht="30.75" customHeight="1" x14ac:dyDescent="0.25">
      <c r="B212" s="51" t="s">
        <v>102</v>
      </c>
      <c r="C212" s="27" t="s">
        <v>108</v>
      </c>
      <c r="D212" s="52"/>
      <c r="E212" s="91"/>
      <c r="F212" s="92"/>
    </row>
    <row r="213" spans="2:6" s="2" customFormat="1" ht="30.75" customHeight="1" x14ac:dyDescent="0.25">
      <c r="B213" s="51" t="s">
        <v>103</v>
      </c>
      <c r="C213" s="27" t="s">
        <v>109</v>
      </c>
      <c r="D213" s="52"/>
      <c r="E213" s="91"/>
      <c r="F213" s="92"/>
    </row>
    <row r="214" spans="2:6" s="2" customFormat="1" ht="30.75" customHeight="1" x14ac:dyDescent="0.25">
      <c r="B214" s="51" t="s">
        <v>104</v>
      </c>
      <c r="C214" s="27" t="s">
        <v>110</v>
      </c>
      <c r="D214" s="52"/>
      <c r="E214" s="91"/>
      <c r="F214" s="92"/>
    </row>
    <row r="215" spans="2:6" s="2" customFormat="1" ht="85.5" customHeight="1" x14ac:dyDescent="0.25">
      <c r="B215" s="76" t="s">
        <v>63</v>
      </c>
      <c r="C215" s="27" t="s">
        <v>246</v>
      </c>
      <c r="D215" s="52"/>
      <c r="E215" s="91"/>
      <c r="F215" s="92"/>
    </row>
    <row r="216" spans="2:6" s="2" customFormat="1" ht="55.5" customHeight="1" x14ac:dyDescent="0.25">
      <c r="B216" s="76" t="s">
        <v>80</v>
      </c>
      <c r="C216" s="27" t="s">
        <v>247</v>
      </c>
      <c r="D216" s="52"/>
      <c r="E216" s="91"/>
      <c r="F216" s="92"/>
    </row>
    <row r="217" spans="2:6" s="2" customFormat="1" ht="60" x14ac:dyDescent="0.25">
      <c r="B217" s="76" t="s">
        <v>64</v>
      </c>
      <c r="C217" s="80" t="s">
        <v>248</v>
      </c>
      <c r="D217" s="52"/>
      <c r="E217" s="91"/>
      <c r="F217" s="92"/>
    </row>
    <row r="218" spans="2:6" s="2" customFormat="1" ht="94.5" customHeight="1" x14ac:dyDescent="0.25">
      <c r="B218" s="76" t="s">
        <v>65</v>
      </c>
      <c r="C218" s="27" t="s">
        <v>249</v>
      </c>
      <c r="D218" s="52"/>
      <c r="E218" s="91"/>
      <c r="F218" s="92"/>
    </row>
    <row r="219" spans="2:6" s="2" customFormat="1" ht="54" customHeight="1" x14ac:dyDescent="0.25">
      <c r="B219" s="76" t="s">
        <v>66</v>
      </c>
      <c r="C219" s="27" t="s">
        <v>250</v>
      </c>
      <c r="D219" s="52"/>
      <c r="E219" s="91"/>
      <c r="F219" s="92"/>
    </row>
    <row r="220" spans="2:6" s="2" customFormat="1" ht="113.25" customHeight="1" x14ac:dyDescent="0.25">
      <c r="B220" s="76" t="s">
        <v>67</v>
      </c>
      <c r="C220" s="27" t="s">
        <v>111</v>
      </c>
      <c r="D220" s="52"/>
      <c r="E220" s="91"/>
      <c r="F220" s="92"/>
    </row>
    <row r="221" spans="2:6" s="2" customFormat="1" ht="144.75" customHeight="1" x14ac:dyDescent="0.25">
      <c r="B221" s="76" t="s">
        <v>81</v>
      </c>
      <c r="C221" s="27" t="s">
        <v>251</v>
      </c>
      <c r="D221" s="52"/>
      <c r="E221" s="91"/>
      <c r="F221" s="92"/>
    </row>
    <row r="222" spans="2:6" s="2" customFormat="1" ht="71.25" customHeight="1" x14ac:dyDescent="0.25">
      <c r="B222" s="51" t="s">
        <v>252</v>
      </c>
      <c r="C222" s="27" t="s">
        <v>253</v>
      </c>
      <c r="D222" s="52"/>
      <c r="E222" s="91"/>
      <c r="F222" s="92"/>
    </row>
    <row r="223" spans="2:6" s="2" customFormat="1" ht="84" customHeight="1" x14ac:dyDescent="0.25">
      <c r="B223" s="51" t="s">
        <v>254</v>
      </c>
      <c r="C223" s="27" t="s">
        <v>255</v>
      </c>
      <c r="D223" s="52"/>
      <c r="E223" s="91"/>
      <c r="F223" s="92"/>
    </row>
    <row r="224" spans="2:6" s="2" customFormat="1" ht="111.75" customHeight="1" x14ac:dyDescent="0.25">
      <c r="B224" s="76" t="s">
        <v>82</v>
      </c>
      <c r="C224" s="27" t="s">
        <v>256</v>
      </c>
      <c r="D224" s="52"/>
      <c r="E224" s="91"/>
      <c r="F224" s="92"/>
    </row>
    <row r="225" spans="2:6" s="2" customFormat="1" ht="96.75" customHeight="1" x14ac:dyDescent="0.25">
      <c r="B225" s="76" t="s">
        <v>68</v>
      </c>
      <c r="C225" s="27" t="s">
        <v>257</v>
      </c>
      <c r="D225" s="52"/>
      <c r="E225" s="91"/>
      <c r="F225" s="92"/>
    </row>
    <row r="226" spans="2:6" s="2" customFormat="1" ht="39" customHeight="1" x14ac:dyDescent="0.25">
      <c r="B226" s="51" t="s">
        <v>258</v>
      </c>
      <c r="C226" s="27" t="s">
        <v>112</v>
      </c>
      <c r="D226" s="52"/>
      <c r="E226" s="91"/>
      <c r="F226" s="92"/>
    </row>
    <row r="227" spans="2:6" s="2" customFormat="1" ht="45" customHeight="1" x14ac:dyDescent="0.25">
      <c r="B227" s="51" t="s">
        <v>259</v>
      </c>
      <c r="C227" s="27" t="s">
        <v>113</v>
      </c>
      <c r="D227" s="52"/>
      <c r="E227" s="91"/>
      <c r="F227" s="92"/>
    </row>
    <row r="228" spans="2:6" s="2" customFormat="1" ht="60" customHeight="1" x14ac:dyDescent="0.25">
      <c r="B228" s="51" t="s">
        <v>260</v>
      </c>
      <c r="C228" s="27" t="s">
        <v>261</v>
      </c>
      <c r="D228" s="52"/>
      <c r="E228" s="91"/>
      <c r="F228" s="92"/>
    </row>
    <row r="229" spans="2:6" s="2" customFormat="1" ht="48" customHeight="1" x14ac:dyDescent="0.25">
      <c r="B229" s="51" t="s">
        <v>262</v>
      </c>
      <c r="C229" s="27" t="s">
        <v>263</v>
      </c>
      <c r="D229" s="52"/>
      <c r="E229" s="91"/>
      <c r="F229" s="92"/>
    </row>
    <row r="230" spans="2:6" s="2" customFormat="1" ht="40.5" customHeight="1" x14ac:dyDescent="0.25">
      <c r="B230" s="51" t="s">
        <v>264</v>
      </c>
      <c r="C230" s="27" t="s">
        <v>265</v>
      </c>
      <c r="D230" s="52"/>
      <c r="E230" s="91"/>
      <c r="F230" s="92"/>
    </row>
    <row r="231" spans="2:6" s="2" customFormat="1" ht="70.5" customHeight="1" x14ac:dyDescent="0.25">
      <c r="B231" s="51" t="s">
        <v>266</v>
      </c>
      <c r="C231" s="27" t="s">
        <v>267</v>
      </c>
      <c r="D231" s="52"/>
      <c r="E231" s="91"/>
      <c r="F231" s="92"/>
    </row>
    <row r="232" spans="2:6" s="2" customFormat="1" ht="34.5" customHeight="1" x14ac:dyDescent="0.25">
      <c r="B232" s="51" t="s">
        <v>268</v>
      </c>
      <c r="C232" s="27" t="s">
        <v>114</v>
      </c>
      <c r="D232" s="52"/>
      <c r="E232" s="91"/>
      <c r="F232" s="92"/>
    </row>
    <row r="233" spans="2:6" s="2" customFormat="1" ht="33" customHeight="1" x14ac:dyDescent="0.25">
      <c r="B233" s="51" t="s">
        <v>269</v>
      </c>
      <c r="C233" s="27" t="s">
        <v>270</v>
      </c>
      <c r="D233" s="52"/>
      <c r="E233" s="91"/>
      <c r="F233" s="92"/>
    </row>
    <row r="234" spans="2:6" s="2" customFormat="1" ht="47.25" customHeight="1" x14ac:dyDescent="0.25">
      <c r="B234" s="51" t="s">
        <v>271</v>
      </c>
      <c r="C234" s="27" t="s">
        <v>115</v>
      </c>
      <c r="D234" s="52"/>
      <c r="E234" s="91"/>
      <c r="F234" s="92"/>
    </row>
    <row r="235" spans="2:6" s="2" customFormat="1" ht="67.5" customHeight="1" x14ac:dyDescent="0.25">
      <c r="B235" s="51" t="s">
        <v>272</v>
      </c>
      <c r="C235" s="27" t="s">
        <v>273</v>
      </c>
      <c r="D235" s="52"/>
      <c r="E235" s="91"/>
      <c r="F235" s="92"/>
    </row>
    <row r="236" spans="2:6" s="2" customFormat="1" ht="68.25" customHeight="1" x14ac:dyDescent="0.25">
      <c r="B236" s="76" t="s">
        <v>83</v>
      </c>
      <c r="C236" s="27" t="s">
        <v>274</v>
      </c>
      <c r="D236" s="52"/>
      <c r="E236" s="91"/>
      <c r="F236" s="92"/>
    </row>
    <row r="237" spans="2:6" s="2" customFormat="1" ht="81.75" customHeight="1" x14ac:dyDescent="0.25">
      <c r="B237" s="51" t="s">
        <v>275</v>
      </c>
      <c r="C237" s="45" t="s">
        <v>276</v>
      </c>
      <c r="D237" s="52"/>
      <c r="E237" s="91"/>
      <c r="F237" s="92"/>
    </row>
    <row r="238" spans="2:6" s="2" customFormat="1" ht="32.25" customHeight="1" x14ac:dyDescent="0.25">
      <c r="B238" s="76" t="s">
        <v>84</v>
      </c>
      <c r="C238" s="27" t="s">
        <v>116</v>
      </c>
      <c r="D238" s="52"/>
      <c r="E238" s="91"/>
      <c r="F238" s="92"/>
    </row>
    <row r="239" spans="2:6" s="2" customFormat="1" ht="34.5" customHeight="1" x14ac:dyDescent="0.25">
      <c r="B239" s="51" t="s">
        <v>277</v>
      </c>
      <c r="C239" s="27" t="s">
        <v>278</v>
      </c>
      <c r="D239" s="52"/>
      <c r="E239" s="91"/>
      <c r="F239" s="92"/>
    </row>
    <row r="240" spans="2:6" s="2" customFormat="1" ht="34.5" customHeight="1" x14ac:dyDescent="0.25">
      <c r="B240" s="51" t="s">
        <v>279</v>
      </c>
      <c r="C240" s="27" t="s">
        <v>280</v>
      </c>
      <c r="D240" s="52"/>
      <c r="E240" s="91"/>
      <c r="F240" s="92"/>
    </row>
    <row r="241" spans="2:6" s="2" customFormat="1" ht="69" customHeight="1" x14ac:dyDescent="0.25">
      <c r="B241" s="76" t="s">
        <v>85</v>
      </c>
      <c r="C241" s="27" t="s">
        <v>117</v>
      </c>
      <c r="D241" s="52"/>
      <c r="E241" s="91"/>
      <c r="F241" s="92"/>
    </row>
    <row r="242" spans="2:6" s="2" customFormat="1" ht="57.75" customHeight="1" x14ac:dyDescent="0.25">
      <c r="B242" s="51" t="s">
        <v>281</v>
      </c>
      <c r="C242" s="27" t="s">
        <v>282</v>
      </c>
      <c r="D242" s="52"/>
      <c r="E242" s="91"/>
      <c r="F242" s="92"/>
    </row>
    <row r="243" spans="2:6" s="2" customFormat="1" ht="48" customHeight="1" x14ac:dyDescent="0.25">
      <c r="B243" s="51" t="s">
        <v>283</v>
      </c>
      <c r="C243" s="27" t="s">
        <v>284</v>
      </c>
      <c r="D243" s="52"/>
      <c r="E243" s="91"/>
      <c r="F243" s="92"/>
    </row>
    <row r="244" spans="2:6" s="2" customFormat="1" ht="146.25" customHeight="1" x14ac:dyDescent="0.25">
      <c r="B244" s="76" t="s">
        <v>86</v>
      </c>
      <c r="C244" s="27" t="s">
        <v>285</v>
      </c>
      <c r="D244" s="52"/>
      <c r="E244" s="91"/>
      <c r="F244" s="92"/>
    </row>
    <row r="245" spans="2:6" s="2" customFormat="1" ht="108.75" customHeight="1" x14ac:dyDescent="0.25">
      <c r="B245" s="76" t="s">
        <v>87</v>
      </c>
      <c r="C245" s="27" t="s">
        <v>286</v>
      </c>
      <c r="D245" s="52"/>
      <c r="E245" s="91"/>
      <c r="F245" s="92"/>
    </row>
    <row r="246" spans="2:6" s="2" customFormat="1" ht="41.25" customHeight="1" x14ac:dyDescent="0.25">
      <c r="B246" s="76" t="s">
        <v>88</v>
      </c>
      <c r="C246" s="27" t="s">
        <v>118</v>
      </c>
      <c r="D246" s="52"/>
      <c r="E246" s="91"/>
      <c r="F246" s="92"/>
    </row>
    <row r="247" spans="2:6" s="2" customFormat="1" ht="70.5" customHeight="1" x14ac:dyDescent="0.25">
      <c r="B247" s="62" t="s">
        <v>89</v>
      </c>
      <c r="C247" s="27" t="s">
        <v>119</v>
      </c>
      <c r="D247" s="52"/>
      <c r="E247" s="91"/>
      <c r="F247" s="92"/>
    </row>
    <row r="248" spans="2:6" s="2" customFormat="1" ht="92.25" customHeight="1" x14ac:dyDescent="0.25">
      <c r="B248" s="76" t="s">
        <v>90</v>
      </c>
      <c r="C248" s="78" t="s">
        <v>287</v>
      </c>
      <c r="D248" s="52"/>
      <c r="E248" s="91"/>
      <c r="F248" s="92"/>
    </row>
    <row r="249" spans="2:6" s="2" customFormat="1" ht="78" customHeight="1" x14ac:dyDescent="0.25">
      <c r="B249" s="76" t="s">
        <v>91</v>
      </c>
      <c r="C249" s="78" t="s">
        <v>288</v>
      </c>
      <c r="D249" s="52"/>
      <c r="E249" s="91"/>
      <c r="F249" s="92"/>
    </row>
    <row r="250" spans="2:6" s="2" customFormat="1" ht="84.75" customHeight="1" x14ac:dyDescent="0.25">
      <c r="B250" s="76" t="s">
        <v>120</v>
      </c>
      <c r="C250" s="27" t="s">
        <v>237</v>
      </c>
      <c r="D250" s="52"/>
      <c r="E250" s="91"/>
      <c r="F250" s="92"/>
    </row>
    <row r="251" spans="2:6" s="2" customFormat="1" ht="183.75" customHeight="1" x14ac:dyDescent="0.25">
      <c r="B251" s="76" t="s">
        <v>121</v>
      </c>
      <c r="C251" s="27" t="s">
        <v>289</v>
      </c>
      <c r="D251" s="52"/>
      <c r="E251" s="91"/>
      <c r="F251" s="92"/>
    </row>
    <row r="252" spans="2:6" s="2" customFormat="1" ht="97.5" customHeight="1" x14ac:dyDescent="0.25">
      <c r="B252" s="76" t="s">
        <v>149</v>
      </c>
      <c r="C252" s="27" t="s">
        <v>238</v>
      </c>
      <c r="D252" s="52"/>
      <c r="E252" s="91"/>
      <c r="F252" s="92"/>
    </row>
    <row r="253" spans="2:6" s="2" customFormat="1" ht="119.25" customHeight="1" x14ac:dyDescent="0.25">
      <c r="B253" s="76" t="s">
        <v>150</v>
      </c>
      <c r="C253" s="27" t="s">
        <v>290</v>
      </c>
      <c r="D253" s="52"/>
      <c r="E253" s="91"/>
      <c r="F253" s="92"/>
    </row>
    <row r="254" spans="2:6" s="2" customFormat="1" ht="77.25" customHeight="1" thickBot="1" x14ac:dyDescent="0.3">
      <c r="B254" s="77" t="s">
        <v>151</v>
      </c>
      <c r="C254" s="79" t="s">
        <v>291</v>
      </c>
      <c r="D254" s="52"/>
      <c r="E254" s="91"/>
      <c r="F254" s="92"/>
    </row>
    <row r="255" spans="2:6" s="4" customFormat="1" ht="30" customHeight="1" x14ac:dyDescent="0.25">
      <c r="B255" s="95" t="s">
        <v>221</v>
      </c>
      <c r="C255" s="97"/>
      <c r="D255" s="97"/>
      <c r="E255" s="97"/>
      <c r="F255" s="98"/>
    </row>
    <row r="256" spans="2:6" s="2" customFormat="1" ht="46.5" customHeight="1" x14ac:dyDescent="0.25">
      <c r="B256" s="62" t="s">
        <v>16</v>
      </c>
      <c r="C256" s="27" t="s">
        <v>341</v>
      </c>
      <c r="D256" s="75"/>
      <c r="E256" s="91"/>
      <c r="F256" s="92"/>
    </row>
    <row r="257" spans="2:6" s="2" customFormat="1" ht="32.25" customHeight="1" x14ac:dyDescent="0.25">
      <c r="B257" s="62" t="s">
        <v>59</v>
      </c>
      <c r="C257" s="27" t="s">
        <v>234</v>
      </c>
      <c r="D257" s="75"/>
      <c r="E257" s="91"/>
      <c r="F257" s="92"/>
    </row>
    <row r="258" spans="2:6" s="2" customFormat="1" ht="69.75" customHeight="1" x14ac:dyDescent="0.25">
      <c r="B258" s="62" t="s">
        <v>60</v>
      </c>
      <c r="C258" s="27" t="s">
        <v>222</v>
      </c>
      <c r="D258" s="75"/>
      <c r="E258" s="91"/>
      <c r="F258" s="92"/>
    </row>
    <row r="259" spans="2:6" s="2" customFormat="1" ht="41.25" customHeight="1" x14ac:dyDescent="0.25">
      <c r="B259" s="62" t="s">
        <v>61</v>
      </c>
      <c r="C259" s="27" t="s">
        <v>223</v>
      </c>
      <c r="D259" s="75"/>
      <c r="E259" s="91"/>
      <c r="F259" s="92"/>
    </row>
    <row r="260" spans="2:6" s="2" customFormat="1" ht="41.25" customHeight="1" x14ac:dyDescent="0.25">
      <c r="B260" s="62" t="s">
        <v>62</v>
      </c>
      <c r="C260" s="27" t="s">
        <v>224</v>
      </c>
      <c r="D260" s="75"/>
      <c r="E260" s="91"/>
      <c r="F260" s="92"/>
    </row>
    <row r="261" spans="2:6" s="2" customFormat="1" ht="41.25" customHeight="1" x14ac:dyDescent="0.25">
      <c r="B261" s="51" t="s">
        <v>100</v>
      </c>
      <c r="C261" s="27" t="s">
        <v>225</v>
      </c>
      <c r="D261" s="75"/>
      <c r="E261" s="91"/>
      <c r="F261" s="92"/>
    </row>
    <row r="262" spans="2:6" s="2" customFormat="1" ht="66" customHeight="1" x14ac:dyDescent="0.25">
      <c r="B262" s="51" t="s">
        <v>101</v>
      </c>
      <c r="C262" s="27" t="s">
        <v>226</v>
      </c>
      <c r="D262" s="75"/>
      <c r="E262" s="91"/>
      <c r="F262" s="92"/>
    </row>
    <row r="263" spans="2:6" s="2" customFormat="1" ht="66.75" customHeight="1" x14ac:dyDescent="0.25">
      <c r="B263" s="62" t="s">
        <v>63</v>
      </c>
      <c r="C263" s="27" t="s">
        <v>227</v>
      </c>
      <c r="D263" s="75"/>
      <c r="E263" s="91"/>
      <c r="F263" s="92"/>
    </row>
    <row r="264" spans="2:6" s="2" customFormat="1" ht="41.25" customHeight="1" x14ac:dyDescent="0.25">
      <c r="B264" s="62" t="s">
        <v>80</v>
      </c>
      <c r="C264" s="27" t="s">
        <v>292</v>
      </c>
      <c r="D264" s="75"/>
      <c r="E264" s="91"/>
      <c r="F264" s="92"/>
    </row>
    <row r="265" spans="2:6" s="2" customFormat="1" ht="41.25" customHeight="1" x14ac:dyDescent="0.25">
      <c r="B265" s="62" t="s">
        <v>64</v>
      </c>
      <c r="C265" s="27" t="s">
        <v>293</v>
      </c>
      <c r="D265" s="75"/>
      <c r="E265" s="91"/>
      <c r="F265" s="92"/>
    </row>
    <row r="266" spans="2:6" s="2" customFormat="1" ht="41.25" customHeight="1" x14ac:dyDescent="0.25">
      <c r="B266" s="62" t="s">
        <v>65</v>
      </c>
      <c r="C266" s="27" t="s">
        <v>228</v>
      </c>
      <c r="D266" s="75"/>
      <c r="E266" s="91"/>
      <c r="F266" s="92"/>
    </row>
    <row r="267" spans="2:6" s="2" customFormat="1" ht="127.5" customHeight="1" x14ac:dyDescent="0.25">
      <c r="B267" s="62" t="s">
        <v>66</v>
      </c>
      <c r="C267" s="27" t="s">
        <v>229</v>
      </c>
      <c r="D267" s="75"/>
      <c r="E267" s="91"/>
      <c r="F267" s="92"/>
    </row>
    <row r="268" spans="2:6" s="2" customFormat="1" ht="41.25" customHeight="1" x14ac:dyDescent="0.25">
      <c r="B268" s="62" t="s">
        <v>67</v>
      </c>
      <c r="C268" s="27" t="s">
        <v>230</v>
      </c>
      <c r="D268" s="75"/>
      <c r="E268" s="91"/>
      <c r="F268" s="92"/>
    </row>
    <row r="269" spans="2:6" s="2" customFormat="1" ht="41.25" customHeight="1" x14ac:dyDescent="0.25">
      <c r="B269" s="51" t="s">
        <v>231</v>
      </c>
      <c r="C269" s="27" t="s">
        <v>294</v>
      </c>
      <c r="D269" s="75"/>
      <c r="E269" s="91"/>
      <c r="F269" s="92"/>
    </row>
    <row r="270" spans="2:6" s="2" customFormat="1" ht="86.25" customHeight="1" x14ac:dyDescent="0.25">
      <c r="B270" s="51" t="s">
        <v>232</v>
      </c>
      <c r="C270" s="27" t="s">
        <v>249</v>
      </c>
      <c r="D270" s="75"/>
      <c r="E270" s="91"/>
      <c r="F270" s="92"/>
    </row>
    <row r="271" spans="2:6" s="2" customFormat="1" ht="87.75" customHeight="1" x14ac:dyDescent="0.25">
      <c r="B271" s="62" t="s">
        <v>81</v>
      </c>
      <c r="C271" s="27" t="s">
        <v>233</v>
      </c>
      <c r="D271" s="75"/>
      <c r="E271" s="91"/>
      <c r="F271" s="92"/>
    </row>
    <row r="272" spans="2:6" s="2" customFormat="1" ht="41.25" customHeight="1" x14ac:dyDescent="0.25">
      <c r="B272" s="62" t="s">
        <v>82</v>
      </c>
      <c r="C272" s="27" t="s">
        <v>295</v>
      </c>
      <c r="D272" s="75"/>
      <c r="E272" s="91"/>
      <c r="F272" s="92"/>
    </row>
    <row r="273" spans="2:7" s="2" customFormat="1" ht="41.25" customHeight="1" x14ac:dyDescent="0.25">
      <c r="B273" s="62" t="s">
        <v>68</v>
      </c>
      <c r="C273" s="27" t="s">
        <v>296</v>
      </c>
      <c r="D273" s="75"/>
      <c r="E273" s="91"/>
      <c r="F273" s="92"/>
    </row>
    <row r="274" spans="2:7" s="2" customFormat="1" ht="57" customHeight="1" x14ac:dyDescent="0.25">
      <c r="B274" s="62" t="s">
        <v>83</v>
      </c>
      <c r="C274" s="27" t="s">
        <v>297</v>
      </c>
      <c r="D274" s="75"/>
      <c r="E274" s="91"/>
      <c r="F274" s="92"/>
    </row>
    <row r="275" spans="2:7" s="2" customFormat="1" ht="41.25" customHeight="1" x14ac:dyDescent="0.25">
      <c r="B275" s="62" t="s">
        <v>84</v>
      </c>
      <c r="C275" s="27" t="s">
        <v>235</v>
      </c>
      <c r="D275" s="75"/>
      <c r="E275" s="91"/>
      <c r="F275" s="92"/>
    </row>
    <row r="276" spans="2:7" s="2" customFormat="1" ht="60" customHeight="1" x14ac:dyDescent="0.25">
      <c r="B276" s="62" t="s">
        <v>85</v>
      </c>
      <c r="C276" s="27" t="s">
        <v>338</v>
      </c>
      <c r="D276" s="75"/>
      <c r="E276" s="91"/>
      <c r="F276" s="92"/>
    </row>
    <row r="277" spans="2:7" s="2" customFormat="1" ht="170.25" customHeight="1" x14ac:dyDescent="0.25">
      <c r="B277" s="62" t="s">
        <v>86</v>
      </c>
      <c r="C277" s="27" t="s">
        <v>236</v>
      </c>
      <c r="D277" s="75"/>
      <c r="E277" s="91"/>
      <c r="F277" s="92"/>
    </row>
    <row r="278" spans="2:7" s="2" customFormat="1" ht="84.75" customHeight="1" x14ac:dyDescent="0.25">
      <c r="B278" s="62" t="s">
        <v>87</v>
      </c>
      <c r="C278" s="27" t="s">
        <v>237</v>
      </c>
      <c r="D278" s="75"/>
      <c r="E278" s="91"/>
      <c r="F278" s="92"/>
    </row>
    <row r="279" spans="2:7" s="2" customFormat="1" ht="95.25" customHeight="1" x14ac:dyDescent="0.25">
      <c r="B279" s="62" t="s">
        <v>88</v>
      </c>
      <c r="C279" s="27" t="s">
        <v>238</v>
      </c>
      <c r="D279" s="75"/>
      <c r="E279" s="91"/>
      <c r="F279" s="92"/>
    </row>
    <row r="280" spans="2:7" s="2" customFormat="1" ht="101.25" customHeight="1" x14ac:dyDescent="0.25">
      <c r="B280" s="62" t="s">
        <v>89</v>
      </c>
      <c r="C280" s="27" t="s">
        <v>290</v>
      </c>
      <c r="D280" s="75"/>
      <c r="E280" s="91"/>
      <c r="F280" s="92"/>
    </row>
    <row r="281" spans="2:7" s="2" customFormat="1" ht="70.5" customHeight="1" thickBot="1" x14ac:dyDescent="0.3">
      <c r="B281" s="63" t="s">
        <v>89</v>
      </c>
      <c r="C281" s="79" t="s">
        <v>291</v>
      </c>
      <c r="D281" s="53"/>
      <c r="E281" s="93"/>
      <c r="F281" s="94"/>
    </row>
    <row r="282" spans="2:7" s="3" customFormat="1" ht="5.0999999999999996" customHeight="1" x14ac:dyDescent="0.25">
      <c r="B282" s="5"/>
      <c r="C282" s="5"/>
      <c r="D282" s="7"/>
      <c r="E282" s="7"/>
      <c r="F282" s="26"/>
      <c r="G282" s="2"/>
    </row>
    <row r="283" spans="2:7" s="2" customFormat="1" ht="20.100000000000001" customHeight="1" x14ac:dyDescent="0.25">
      <c r="B283" s="115" t="s">
        <v>55</v>
      </c>
      <c r="C283" s="115"/>
      <c r="D283" s="115"/>
      <c r="E283" s="115"/>
      <c r="F283" s="115"/>
    </row>
    <row r="284" spans="2:7" s="2" customFormat="1" ht="4.5" customHeight="1" thickBot="1" x14ac:dyDescent="0.3"/>
    <row r="285" spans="2:7" s="2" customFormat="1" ht="80.25" customHeight="1" x14ac:dyDescent="0.25">
      <c r="B285" s="119" t="s">
        <v>56</v>
      </c>
      <c r="C285" s="120"/>
      <c r="D285" s="137" t="s">
        <v>57</v>
      </c>
      <c r="E285" s="138"/>
      <c r="F285" s="139"/>
    </row>
    <row r="286" spans="2:7" s="3" customFormat="1" ht="29.25" customHeight="1" thickBot="1" x14ac:dyDescent="0.3">
      <c r="B286" s="121"/>
      <c r="C286" s="122"/>
      <c r="D286" s="24" t="s">
        <v>7</v>
      </c>
      <c r="E286" s="140" t="s">
        <v>32</v>
      </c>
      <c r="F286" s="141"/>
      <c r="G286" s="2"/>
    </row>
    <row r="287" spans="2:7" s="3" customFormat="1" ht="27" customHeight="1" x14ac:dyDescent="0.25">
      <c r="B287" s="56" t="s">
        <v>16</v>
      </c>
      <c r="C287" s="57" t="s">
        <v>71</v>
      </c>
      <c r="D287" s="58"/>
      <c r="E287" s="135"/>
      <c r="F287" s="136"/>
      <c r="G287" s="2"/>
    </row>
    <row r="288" spans="2:7" s="3" customFormat="1" ht="30.75" customHeight="1" thickBot="1" x14ac:dyDescent="0.3">
      <c r="B288" s="59" t="s">
        <v>59</v>
      </c>
      <c r="C288" s="65" t="s">
        <v>58</v>
      </c>
      <c r="D288" s="60"/>
      <c r="E288" s="93"/>
      <c r="F288" s="94"/>
      <c r="G288" s="2"/>
    </row>
    <row r="289" spans="2:7" s="2" customFormat="1" ht="5.0999999999999996" customHeight="1" x14ac:dyDescent="0.25">
      <c r="B289" s="5"/>
      <c r="C289" s="5"/>
      <c r="D289" s="7"/>
      <c r="E289" s="7"/>
      <c r="F289" s="26"/>
    </row>
    <row r="290" spans="2:7" s="2" customFormat="1" ht="20.100000000000001" customHeight="1" x14ac:dyDescent="0.25">
      <c r="B290" s="115" t="s">
        <v>15</v>
      </c>
      <c r="C290" s="115"/>
      <c r="D290" s="115"/>
      <c r="E290" s="115"/>
      <c r="F290" s="115"/>
    </row>
    <row r="291" spans="2:7" s="3" customFormat="1" ht="30" customHeight="1" x14ac:dyDescent="0.25">
      <c r="B291" s="5" t="s">
        <v>17</v>
      </c>
      <c r="C291" s="128" t="s">
        <v>49</v>
      </c>
      <c r="D291" s="128"/>
      <c r="E291" s="128"/>
      <c r="F291" s="128"/>
      <c r="G291" s="2"/>
    </row>
    <row r="292" spans="2:7" s="29" customFormat="1" ht="30" customHeight="1" x14ac:dyDescent="0.25">
      <c r="B292" s="5" t="s">
        <v>33</v>
      </c>
      <c r="C292" s="128" t="s">
        <v>34</v>
      </c>
      <c r="D292" s="128"/>
      <c r="E292" s="128"/>
      <c r="F292" s="128"/>
      <c r="G292" s="2"/>
    </row>
    <row r="293" spans="2:7" s="29" customFormat="1" ht="30" customHeight="1" x14ac:dyDescent="0.25">
      <c r="B293" s="129" t="s">
        <v>35</v>
      </c>
      <c r="C293" s="129"/>
      <c r="D293" s="129"/>
      <c r="E293" s="129"/>
      <c r="F293" s="3"/>
      <c r="G293" s="2"/>
    </row>
    <row r="294" spans="2:7" s="2" customFormat="1" ht="24.95" customHeight="1" x14ac:dyDescent="0.25">
      <c r="B294" s="28" t="s">
        <v>36</v>
      </c>
      <c r="C294" s="126"/>
      <c r="D294" s="126"/>
      <c r="F294" s="29"/>
    </row>
    <row r="295" spans="2:7" s="2" customFormat="1" ht="24.95" customHeight="1" x14ac:dyDescent="0.25">
      <c r="B295" s="28" t="s">
        <v>37</v>
      </c>
      <c r="C295" s="126"/>
      <c r="D295" s="126"/>
      <c r="F295" s="29"/>
    </row>
    <row r="296" spans="2:7" s="2" customFormat="1" ht="24.95" customHeight="1" x14ac:dyDescent="0.25">
      <c r="B296" s="28" t="s">
        <v>38</v>
      </c>
      <c r="C296" s="126"/>
      <c r="D296" s="126"/>
      <c r="F296" s="29"/>
    </row>
    <row r="297" spans="2:7" s="3" customFormat="1" ht="24.95" customHeight="1" x14ac:dyDescent="0.25">
      <c r="B297" s="28" t="s">
        <v>39</v>
      </c>
      <c r="C297" s="126"/>
      <c r="D297" s="126"/>
      <c r="E297" s="2"/>
      <c r="F297" s="30"/>
      <c r="G297" s="2"/>
    </row>
    <row r="298" spans="2:7" s="2" customFormat="1" ht="14.25" customHeight="1" x14ac:dyDescent="0.2">
      <c r="B298" s="11"/>
      <c r="C298" s="12"/>
      <c r="D298" s="12"/>
      <c r="F298" s="31"/>
    </row>
    <row r="299" spans="2:7" s="3" customFormat="1" ht="15" customHeight="1" x14ac:dyDescent="0.25">
      <c r="B299" s="130" t="s">
        <v>40</v>
      </c>
      <c r="C299" s="130"/>
      <c r="D299" s="130"/>
      <c r="E299" s="130"/>
      <c r="F299" s="130"/>
    </row>
    <row r="300" spans="2:7" s="2" customFormat="1" ht="36.75" customHeight="1" x14ac:dyDescent="0.25">
      <c r="B300" s="127" t="s">
        <v>52</v>
      </c>
      <c r="C300" s="127"/>
      <c r="D300" s="127"/>
      <c r="E300" s="127"/>
      <c r="F300" s="127"/>
    </row>
    <row r="301" spans="2:7" s="2" customFormat="1" ht="20.100000000000001" customHeight="1" x14ac:dyDescent="0.2">
      <c r="B301" s="1"/>
      <c r="C301" s="1"/>
      <c r="D301" s="8"/>
      <c r="E301" s="8"/>
    </row>
    <row r="302" spans="2:7" s="3" customFormat="1" ht="4.5" customHeight="1" x14ac:dyDescent="0.2">
      <c r="B302" s="1"/>
      <c r="C302" s="1"/>
      <c r="D302" s="8"/>
      <c r="E302" s="8"/>
      <c r="F302" s="2"/>
    </row>
    <row r="303" spans="2:7" s="3" customFormat="1" ht="20.100000000000001" customHeight="1" x14ac:dyDescent="0.25">
      <c r="B303" s="32" t="s">
        <v>41</v>
      </c>
      <c r="C303" s="33"/>
      <c r="D303" s="34" t="s">
        <v>42</v>
      </c>
      <c r="E303" s="124"/>
      <c r="F303" s="124"/>
    </row>
    <row r="304" spans="2:7" s="3" customFormat="1" ht="20.100000000000001" customHeight="1" x14ac:dyDescent="0.25">
      <c r="B304" s="35"/>
      <c r="C304" s="35"/>
      <c r="D304" s="35"/>
      <c r="E304" s="36"/>
      <c r="F304" s="36"/>
    </row>
    <row r="305" spans="2:6" ht="20.100000000000001" customHeight="1" x14ac:dyDescent="0.2">
      <c r="B305" s="32" t="s">
        <v>43</v>
      </c>
      <c r="C305" s="33"/>
      <c r="D305" s="37" t="s">
        <v>44</v>
      </c>
      <c r="E305" s="125"/>
      <c r="F305" s="125"/>
    </row>
    <row r="306" spans="2:6" s="2" customFormat="1" ht="20.100000000000001" customHeight="1" x14ac:dyDescent="0.2">
      <c r="B306" s="1"/>
      <c r="C306" s="1"/>
      <c r="D306" s="37" t="s">
        <v>45</v>
      </c>
      <c r="E306" s="126"/>
      <c r="F306" s="126"/>
    </row>
    <row r="307" spans="2:6" s="2" customFormat="1" ht="20.100000000000001" customHeight="1" x14ac:dyDescent="0.2">
      <c r="B307" s="1"/>
      <c r="C307" s="1"/>
      <c r="D307" s="38" t="s">
        <v>46</v>
      </c>
      <c r="E307" s="1"/>
    </row>
    <row r="308" spans="2:6" s="2" customFormat="1" ht="37.5" customHeight="1" x14ac:dyDescent="0.25"/>
    <row r="309" spans="2:6" s="2" customFormat="1" ht="24" customHeight="1" x14ac:dyDescent="0.25"/>
    <row r="310" spans="2:6" s="2" customFormat="1" ht="24" customHeight="1" x14ac:dyDescent="0.25"/>
    <row r="311" spans="2:6" s="2" customFormat="1" ht="24" customHeight="1" x14ac:dyDescent="0.25"/>
    <row r="312" spans="2:6" s="2" customFormat="1" ht="20.100000000000001" customHeight="1" x14ac:dyDescent="0.25"/>
    <row r="313" spans="2:6" s="2" customFormat="1" ht="20.100000000000001" customHeight="1" x14ac:dyDescent="0.25"/>
    <row r="314" spans="2:6" s="2" customFormat="1" ht="50.1" customHeight="1" x14ac:dyDescent="0.25"/>
    <row r="315" spans="2:6" s="2" customFormat="1" ht="43.5" customHeight="1" x14ac:dyDescent="0.25"/>
    <row r="316" spans="2:6" ht="24.75" customHeight="1" x14ac:dyDescent="0.2">
      <c r="B316" s="2"/>
      <c r="C316" s="2"/>
      <c r="D316" s="2"/>
      <c r="E316" s="2"/>
    </row>
    <row r="317" spans="2:6" x14ac:dyDescent="0.2">
      <c r="B317" s="2"/>
      <c r="C317" s="2"/>
      <c r="D317" s="2"/>
      <c r="E317" s="2"/>
    </row>
    <row r="318" spans="2:6" ht="20.100000000000001" customHeight="1" x14ac:dyDescent="0.2"/>
    <row r="319" spans="2:6" ht="4.5" customHeight="1" x14ac:dyDescent="0.2"/>
    <row r="320" spans="2:6" ht="20.100000000000001" customHeight="1" x14ac:dyDescent="0.2"/>
    <row r="321" ht="20.100000000000001" customHeight="1" x14ac:dyDescent="0.2"/>
    <row r="322" ht="20.100000000000001" customHeight="1" x14ac:dyDescent="0.2"/>
  </sheetData>
  <mergeCells count="284">
    <mergeCell ref="E110:F110"/>
    <mergeCell ref="B111:F111"/>
    <mergeCell ref="D42:F42"/>
    <mergeCell ref="E43:F43"/>
    <mergeCell ref="B50:B52"/>
    <mergeCell ref="E51:F51"/>
    <mergeCell ref="E52:F52"/>
    <mergeCell ref="E98:F98"/>
    <mergeCell ref="E99:F99"/>
    <mergeCell ref="E100:F100"/>
    <mergeCell ref="E101:F101"/>
    <mergeCell ref="E104:F104"/>
    <mergeCell ref="E105:F105"/>
    <mergeCell ref="E78:F78"/>
    <mergeCell ref="E79:F79"/>
    <mergeCell ref="E80:F80"/>
    <mergeCell ref="E81:F81"/>
    <mergeCell ref="E82:F82"/>
    <mergeCell ref="E83:F83"/>
    <mergeCell ref="E84:F84"/>
    <mergeCell ref="E85:F85"/>
    <mergeCell ref="E86:F86"/>
    <mergeCell ref="E288:F288"/>
    <mergeCell ref="B283:F283"/>
    <mergeCell ref="B285:C286"/>
    <mergeCell ref="D285:F285"/>
    <mergeCell ref="E286:F286"/>
    <mergeCell ref="E57:F57"/>
    <mergeCell ref="E58:F58"/>
    <mergeCell ref="E200:F200"/>
    <mergeCell ref="E60:F60"/>
    <mergeCell ref="E61:F61"/>
    <mergeCell ref="E62:F62"/>
    <mergeCell ref="E63:F63"/>
    <mergeCell ref="E68:F68"/>
    <mergeCell ref="E64:F64"/>
    <mergeCell ref="E65:F65"/>
    <mergeCell ref="E66:F66"/>
    <mergeCell ref="E67:F67"/>
    <mergeCell ref="E69:F69"/>
    <mergeCell ref="E70:F70"/>
    <mergeCell ref="E71:F71"/>
    <mergeCell ref="E72:F72"/>
    <mergeCell ref="E73:F73"/>
    <mergeCell ref="E74:F74"/>
    <mergeCell ref="E75:F75"/>
    <mergeCell ref="B2:F2"/>
    <mergeCell ref="B1:F1"/>
    <mergeCell ref="B26:C26"/>
    <mergeCell ref="B29:C29"/>
    <mergeCell ref="E287:F287"/>
    <mergeCell ref="E202:F202"/>
    <mergeCell ref="E203:F203"/>
    <mergeCell ref="E204:F204"/>
    <mergeCell ref="E205:F205"/>
    <mergeCell ref="E206:F206"/>
    <mergeCell ref="E207:F207"/>
    <mergeCell ref="E201:F201"/>
    <mergeCell ref="B194:F194"/>
    <mergeCell ref="B196:C197"/>
    <mergeCell ref="D196:F196"/>
    <mergeCell ref="E197:F197"/>
    <mergeCell ref="E113:F113"/>
    <mergeCell ref="E54:F54"/>
    <mergeCell ref="B24:F24"/>
    <mergeCell ref="B19:D19"/>
    <mergeCell ref="B20:D20"/>
    <mergeCell ref="B21:F21"/>
    <mergeCell ref="B23:D23"/>
    <mergeCell ref="E56:F56"/>
    <mergeCell ref="E303:F303"/>
    <mergeCell ref="E305:F305"/>
    <mergeCell ref="E306:F306"/>
    <mergeCell ref="B300:F300"/>
    <mergeCell ref="B290:F290"/>
    <mergeCell ref="C291:F291"/>
    <mergeCell ref="C292:F292"/>
    <mergeCell ref="B293:E293"/>
    <mergeCell ref="B299:F299"/>
    <mergeCell ref="C294:D294"/>
    <mergeCell ref="C295:D295"/>
    <mergeCell ref="C296:D296"/>
    <mergeCell ref="C297:D297"/>
    <mergeCell ref="B3:F3"/>
    <mergeCell ref="B7:F7"/>
    <mergeCell ref="B8:F8"/>
    <mergeCell ref="B9:F9"/>
    <mergeCell ref="B11:F11"/>
    <mergeCell ref="B12:D12"/>
    <mergeCell ref="E199:F199"/>
    <mergeCell ref="E46:F46"/>
    <mergeCell ref="B44:F44"/>
    <mergeCell ref="E45:F45"/>
    <mergeCell ref="E114:F114"/>
    <mergeCell ref="E168:F168"/>
    <mergeCell ref="C34:D34"/>
    <mergeCell ref="E169:F169"/>
    <mergeCell ref="C31:D31"/>
    <mergeCell ref="B16:D16"/>
    <mergeCell ref="B40:F40"/>
    <mergeCell ref="B42:C43"/>
    <mergeCell ref="B14:D14"/>
    <mergeCell ref="E47:F47"/>
    <mergeCell ref="E48:F48"/>
    <mergeCell ref="E49:F49"/>
    <mergeCell ref="B22:F22"/>
    <mergeCell ref="B15:D15"/>
    <mergeCell ref="B13:D13"/>
    <mergeCell ref="C32:D32"/>
    <mergeCell ref="C33:D33"/>
    <mergeCell ref="E156:F156"/>
    <mergeCell ref="E157:F157"/>
    <mergeCell ref="E158:F158"/>
    <mergeCell ref="E159:F159"/>
    <mergeCell ref="E160:F160"/>
    <mergeCell ref="E161:F161"/>
    <mergeCell ref="E59:F59"/>
    <mergeCell ref="E50:F50"/>
    <mergeCell ref="E53:F53"/>
    <mergeCell ref="E55:F55"/>
    <mergeCell ref="B25:F25"/>
    <mergeCell ref="C30:D30"/>
    <mergeCell ref="B36:C36"/>
    <mergeCell ref="E76:F76"/>
    <mergeCell ref="E77:F77"/>
    <mergeCell ref="E92:F92"/>
    <mergeCell ref="E87:F87"/>
    <mergeCell ref="E88:F88"/>
    <mergeCell ref="E89:F89"/>
    <mergeCell ref="E90:F90"/>
    <mergeCell ref="E91:F91"/>
    <mergeCell ref="E192:F192"/>
    <mergeCell ref="E215:F215"/>
    <mergeCell ref="E216:F216"/>
    <mergeCell ref="E217:F217"/>
    <mergeCell ref="E173:F173"/>
    <mergeCell ref="E174:F174"/>
    <mergeCell ref="E175:F175"/>
    <mergeCell ref="E176:F176"/>
    <mergeCell ref="E177:F177"/>
    <mergeCell ref="E178:F178"/>
    <mergeCell ref="E226:F226"/>
    <mergeCell ref="E227:F227"/>
    <mergeCell ref="E208:F208"/>
    <mergeCell ref="E209:F209"/>
    <mergeCell ref="E210:F210"/>
    <mergeCell ref="E211:F211"/>
    <mergeCell ref="E212:F212"/>
    <mergeCell ref="E213:F213"/>
    <mergeCell ref="E214:F214"/>
    <mergeCell ref="E218:F218"/>
    <mergeCell ref="E106:F106"/>
    <mergeCell ref="E107:F107"/>
    <mergeCell ref="E108:F108"/>
    <mergeCell ref="E109:F109"/>
    <mergeCell ref="E112:F112"/>
    <mergeCell ref="E243:F243"/>
    <mergeCell ref="E244:F244"/>
    <mergeCell ref="E245:F245"/>
    <mergeCell ref="E228:F228"/>
    <mergeCell ref="E229:F229"/>
    <mergeCell ref="E230:F230"/>
    <mergeCell ref="E231:F231"/>
    <mergeCell ref="E232:F232"/>
    <mergeCell ref="E233:F233"/>
    <mergeCell ref="E234:F234"/>
    <mergeCell ref="E235:F235"/>
    <mergeCell ref="E236:F236"/>
    <mergeCell ref="E219:F219"/>
    <mergeCell ref="E220:F220"/>
    <mergeCell ref="E221:F221"/>
    <mergeCell ref="E222:F222"/>
    <mergeCell ref="E223:F223"/>
    <mergeCell ref="E224:F224"/>
    <mergeCell ref="E225:F225"/>
    <mergeCell ref="E122:F122"/>
    <mergeCell ref="E123:F123"/>
    <mergeCell ref="E124:F124"/>
    <mergeCell ref="E125:F125"/>
    <mergeCell ref="E126:F126"/>
    <mergeCell ref="E127:F127"/>
    <mergeCell ref="E128:F128"/>
    <mergeCell ref="E129:F129"/>
    <mergeCell ref="E115:F115"/>
    <mergeCell ref="E116:F116"/>
    <mergeCell ref="E117:F117"/>
    <mergeCell ref="E120:F120"/>
    <mergeCell ref="E121:F121"/>
    <mergeCell ref="E130:F130"/>
    <mergeCell ref="E131:F131"/>
    <mergeCell ref="E132:F132"/>
    <mergeCell ref="E133:F133"/>
    <mergeCell ref="E134:F134"/>
    <mergeCell ref="E135:F135"/>
    <mergeCell ref="E136:F136"/>
    <mergeCell ref="E137:F137"/>
    <mergeCell ref="E138:F138"/>
    <mergeCell ref="E139:F139"/>
    <mergeCell ref="E140:F140"/>
    <mergeCell ref="E141:F141"/>
    <mergeCell ref="E142:F142"/>
    <mergeCell ref="E143:F143"/>
    <mergeCell ref="E144:F144"/>
    <mergeCell ref="E145:F145"/>
    <mergeCell ref="E146:F146"/>
    <mergeCell ref="E147:F147"/>
    <mergeCell ref="E148:F148"/>
    <mergeCell ref="E149:F149"/>
    <mergeCell ref="E150:F150"/>
    <mergeCell ref="E151:F151"/>
    <mergeCell ref="E152:F152"/>
    <mergeCell ref="E153:F153"/>
    <mergeCell ref="E154:F154"/>
    <mergeCell ref="E155:F155"/>
    <mergeCell ref="E172:F172"/>
    <mergeCell ref="E171:F171"/>
    <mergeCell ref="E170:F170"/>
    <mergeCell ref="B167:F167"/>
    <mergeCell ref="B168:C168"/>
    <mergeCell ref="E162:F162"/>
    <mergeCell ref="E163:F163"/>
    <mergeCell ref="E164:F164"/>
    <mergeCell ref="E165:F165"/>
    <mergeCell ref="E166:F166"/>
    <mergeCell ref="B181:C181"/>
    <mergeCell ref="E181:F181"/>
    <mergeCell ref="E187:F187"/>
    <mergeCell ref="E188:F188"/>
    <mergeCell ref="E189:F189"/>
    <mergeCell ref="E190:F190"/>
    <mergeCell ref="E191:F191"/>
    <mergeCell ref="E184:F184"/>
    <mergeCell ref="E182:F182"/>
    <mergeCell ref="E183:F183"/>
    <mergeCell ref="E185:F185"/>
    <mergeCell ref="E186:F186"/>
    <mergeCell ref="E279:F279"/>
    <mergeCell ref="E280:F280"/>
    <mergeCell ref="E281:F281"/>
    <mergeCell ref="B198:F198"/>
    <mergeCell ref="E254:F254"/>
    <mergeCell ref="B255:F255"/>
    <mergeCell ref="E256:F256"/>
    <mergeCell ref="E257:F257"/>
    <mergeCell ref="E258:F258"/>
    <mergeCell ref="E259:F259"/>
    <mergeCell ref="E246:F246"/>
    <mergeCell ref="E247:F247"/>
    <mergeCell ref="E248:F248"/>
    <mergeCell ref="E249:F249"/>
    <mergeCell ref="E250:F250"/>
    <mergeCell ref="E251:F251"/>
    <mergeCell ref="E252:F252"/>
    <mergeCell ref="E253:F253"/>
    <mergeCell ref="E237:F237"/>
    <mergeCell ref="E238:F238"/>
    <mergeCell ref="E239:F239"/>
    <mergeCell ref="E240:F240"/>
    <mergeCell ref="E241:F241"/>
    <mergeCell ref="E242:F242"/>
    <mergeCell ref="B117:B119"/>
    <mergeCell ref="E118:F118"/>
    <mergeCell ref="E119:F119"/>
    <mergeCell ref="E260:F260"/>
    <mergeCell ref="E261:F261"/>
    <mergeCell ref="E262:F262"/>
    <mergeCell ref="E263:F263"/>
    <mergeCell ref="E278:F278"/>
    <mergeCell ref="E264:F264"/>
    <mergeCell ref="E265:F265"/>
    <mergeCell ref="E266:F266"/>
    <mergeCell ref="E267:F267"/>
    <mergeCell ref="E268:F268"/>
    <mergeCell ref="E269:F269"/>
    <mergeCell ref="E270:F270"/>
    <mergeCell ref="E271:F271"/>
    <mergeCell ref="E272:F272"/>
    <mergeCell ref="E273:F273"/>
    <mergeCell ref="E274:F274"/>
    <mergeCell ref="E275:F275"/>
    <mergeCell ref="E276:F276"/>
    <mergeCell ref="E277:F277"/>
    <mergeCell ref="E179:F179"/>
    <mergeCell ref="B180:F180"/>
  </mergeCells>
  <conditionalFormatting sqref="D54 D77:D88 D207:D209 D211:D254 D90:D110 D57:D75 D124:D132 D186:D190 D173:D177">
    <cfRule type="containsBlanks" dxfId="53" priority="113">
      <formula>LEN(TRIM(D54))=0</formula>
    </cfRule>
  </conditionalFormatting>
  <conditionalFormatting sqref="E305:F305">
    <cfRule type="containsBlanks" dxfId="52" priority="112">
      <formula>LEN(TRIM(E305))=0</formula>
    </cfRule>
  </conditionalFormatting>
  <conditionalFormatting sqref="C303">
    <cfRule type="containsBlanks" dxfId="51" priority="110">
      <formula>LEN(TRIM(C303))=0</formula>
    </cfRule>
  </conditionalFormatting>
  <conditionalFormatting sqref="E306:F306">
    <cfRule type="containsBlanks" dxfId="50" priority="111">
      <formula>LEN(TRIM(E306))=0</formula>
    </cfRule>
  </conditionalFormatting>
  <conditionalFormatting sqref="C305">
    <cfRule type="containsBlanks" dxfId="49" priority="109">
      <formula>LEN(TRIM(C305))=0</formula>
    </cfRule>
  </conditionalFormatting>
  <conditionalFormatting sqref="C4:C5">
    <cfRule type="containsBlanks" dxfId="48" priority="108">
      <formula>LEN(TRIM(C4))=0</formula>
    </cfRule>
  </conditionalFormatting>
  <conditionalFormatting sqref="D45">
    <cfRule type="containsBlanks" dxfId="47" priority="107">
      <formula>LEN(TRIM(D45))=0</formula>
    </cfRule>
  </conditionalFormatting>
  <conditionalFormatting sqref="D287">
    <cfRule type="containsBlanks" dxfId="46" priority="102">
      <formula>LEN(TRIM(D287))=0</formula>
    </cfRule>
  </conditionalFormatting>
  <conditionalFormatting sqref="C296:D296">
    <cfRule type="containsBlanks" dxfId="45" priority="98">
      <formula>LEN(TRIM(C296))=0</formula>
    </cfRule>
  </conditionalFormatting>
  <conditionalFormatting sqref="D49">
    <cfRule type="containsBlanks" dxfId="44" priority="83">
      <formula>LEN(TRIM(D49))=0</formula>
    </cfRule>
  </conditionalFormatting>
  <conditionalFormatting sqref="D50:D52">
    <cfRule type="containsBlanks" dxfId="43" priority="82">
      <formula>LEN(TRIM(D50))=0</formula>
    </cfRule>
  </conditionalFormatting>
  <conditionalFormatting sqref="D53">
    <cfRule type="containsBlanks" dxfId="42" priority="81">
      <formula>LEN(TRIM(D53))=0</formula>
    </cfRule>
  </conditionalFormatting>
  <conditionalFormatting sqref="D48">
    <cfRule type="containsBlanks" dxfId="41" priority="79">
      <formula>LEN(TRIM(D48))=0</formula>
    </cfRule>
  </conditionalFormatting>
  <conditionalFormatting sqref="D55">
    <cfRule type="containsBlanks" dxfId="40" priority="78">
      <formula>LEN(TRIM(D55))=0</formula>
    </cfRule>
  </conditionalFormatting>
  <conditionalFormatting sqref="D46:D47">
    <cfRule type="containsBlanks" dxfId="39" priority="80">
      <formula>LEN(TRIM(D46))=0</formula>
    </cfRule>
  </conditionalFormatting>
  <conditionalFormatting sqref="D56">
    <cfRule type="containsBlanks" dxfId="38" priority="76">
      <formula>LEN(TRIM(D56))=0</formula>
    </cfRule>
  </conditionalFormatting>
  <conditionalFormatting sqref="D169">
    <cfRule type="containsBlanks" dxfId="37" priority="57">
      <formula>LEN(TRIM(D169))=0</formula>
    </cfRule>
  </conditionalFormatting>
  <conditionalFormatting sqref="D170:D172">
    <cfRule type="containsBlanks" dxfId="36" priority="61">
      <formula>LEN(TRIM(D170))=0</formula>
    </cfRule>
  </conditionalFormatting>
  <conditionalFormatting sqref="C294:D294">
    <cfRule type="containsBlanks" dxfId="35" priority="48">
      <formula>LEN(TRIM(C294))=0</formula>
    </cfRule>
  </conditionalFormatting>
  <conditionalFormatting sqref="D168">
    <cfRule type="containsBlanks" dxfId="34" priority="53">
      <formula>LEN(TRIM(D168))=0</formula>
    </cfRule>
  </conditionalFormatting>
  <conditionalFormatting sqref="C295:D295">
    <cfRule type="containsBlanks" dxfId="33" priority="49">
      <formula>LEN(TRIM(C295))=0</formula>
    </cfRule>
  </conditionalFormatting>
  <conditionalFormatting sqref="C297:D297">
    <cfRule type="containsBlanks" dxfId="32" priority="47">
      <formula>LEN(TRIM(C297))=0</formula>
    </cfRule>
  </conditionalFormatting>
  <conditionalFormatting sqref="D116">
    <cfRule type="containsBlanks" dxfId="31" priority="32">
      <formula>LEN(TRIM(D116))=0</formula>
    </cfRule>
  </conditionalFormatting>
  <conditionalFormatting sqref="D288">
    <cfRule type="containsBlanks" dxfId="30" priority="40">
      <formula>LEN(TRIM(D288))=0</formula>
    </cfRule>
  </conditionalFormatting>
  <conditionalFormatting sqref="D76">
    <cfRule type="containsBlanks" dxfId="29" priority="43">
      <formula>LEN(TRIM(D76))=0</formula>
    </cfRule>
  </conditionalFormatting>
  <conditionalFormatting sqref="D199:D206">
    <cfRule type="containsBlanks" dxfId="28" priority="42">
      <formula>LEN(TRIM(D199))=0</formula>
    </cfRule>
  </conditionalFormatting>
  <conditionalFormatting sqref="D120">
    <cfRule type="containsBlanks" dxfId="27" priority="30">
      <formula>LEN(TRIM(D120))=0</formula>
    </cfRule>
  </conditionalFormatting>
  <conditionalFormatting sqref="D210">
    <cfRule type="containsBlanks" dxfId="26" priority="39">
      <formula>LEN(TRIM(D210))=0</formula>
    </cfRule>
  </conditionalFormatting>
  <conditionalFormatting sqref="C172 C175:C177">
    <cfRule type="containsBlanks" dxfId="25" priority="38">
      <formula>LEN(TRIM(C172))=0</formula>
    </cfRule>
  </conditionalFormatting>
  <conditionalFormatting sqref="D112">
    <cfRule type="containsBlanks" dxfId="24" priority="33">
      <formula>LEN(TRIM(D112))=0</formula>
    </cfRule>
  </conditionalFormatting>
  <conditionalFormatting sqref="D143">
    <cfRule type="containsBlanks" dxfId="23" priority="24">
      <formula>LEN(TRIM(D143))=0</formula>
    </cfRule>
  </conditionalFormatting>
  <conditionalFormatting sqref="D89">
    <cfRule type="containsBlanks" dxfId="22" priority="35">
      <formula>LEN(TRIM(D89))=0</formula>
    </cfRule>
  </conditionalFormatting>
  <conditionalFormatting sqref="D121 D133:D142 D144:D155 D157:D166">
    <cfRule type="containsBlanks" dxfId="21" priority="34">
      <formula>LEN(TRIM(D121))=0</formula>
    </cfRule>
  </conditionalFormatting>
  <conditionalFormatting sqref="D115">
    <cfRule type="containsBlanks" dxfId="20" priority="28">
      <formula>LEN(TRIM(D115))=0</formula>
    </cfRule>
  </conditionalFormatting>
  <conditionalFormatting sqref="D122">
    <cfRule type="containsBlanks" dxfId="19" priority="27">
      <formula>LEN(TRIM(D122))=0</formula>
    </cfRule>
  </conditionalFormatting>
  <conditionalFormatting sqref="D113:D114">
    <cfRule type="containsBlanks" dxfId="18" priority="29">
      <formula>LEN(TRIM(D113))=0</formula>
    </cfRule>
  </conditionalFormatting>
  <conditionalFormatting sqref="D123">
    <cfRule type="containsBlanks" dxfId="17" priority="26">
      <formula>LEN(TRIM(D123))=0</formula>
    </cfRule>
  </conditionalFormatting>
  <conditionalFormatting sqref="D156">
    <cfRule type="containsBlanks" dxfId="16" priority="23">
      <formula>LEN(TRIM(D156))=0</formula>
    </cfRule>
  </conditionalFormatting>
  <conditionalFormatting sqref="D179">
    <cfRule type="containsBlanks" dxfId="15" priority="22">
      <formula>LEN(TRIM(D179))=0</formula>
    </cfRule>
  </conditionalFormatting>
  <conditionalFormatting sqref="D178">
    <cfRule type="containsBlanks" dxfId="14" priority="20">
      <formula>LEN(TRIM(D178))=0</formula>
    </cfRule>
  </conditionalFormatting>
  <conditionalFormatting sqref="C178">
    <cfRule type="containsBlanks" dxfId="13" priority="19">
      <formula>LEN(TRIM(C178))=0</formula>
    </cfRule>
  </conditionalFormatting>
  <conditionalFormatting sqref="D182">
    <cfRule type="containsBlanks" dxfId="12" priority="17">
      <formula>LEN(TRIM(D182))=0</formula>
    </cfRule>
  </conditionalFormatting>
  <conditionalFormatting sqref="D183:D185">
    <cfRule type="containsBlanks" dxfId="11" priority="18">
      <formula>LEN(TRIM(D183))=0</formula>
    </cfRule>
  </conditionalFormatting>
  <conditionalFormatting sqref="D181">
    <cfRule type="containsBlanks" dxfId="10" priority="16">
      <formula>LEN(TRIM(D181))=0</formula>
    </cfRule>
  </conditionalFormatting>
  <conditionalFormatting sqref="D191">
    <cfRule type="containsBlanks" dxfId="9" priority="11">
      <formula>LEN(TRIM(D191))=0</formula>
    </cfRule>
  </conditionalFormatting>
  <conditionalFormatting sqref="D192">
    <cfRule type="containsBlanks" dxfId="8" priority="13">
      <formula>LEN(TRIM(D192))=0</formula>
    </cfRule>
  </conditionalFormatting>
  <conditionalFormatting sqref="D256">
    <cfRule type="containsBlanks" dxfId="7" priority="9">
      <formula>LEN(TRIM(D256))=0</formula>
    </cfRule>
  </conditionalFormatting>
  <conditionalFormatting sqref="D279:D281">
    <cfRule type="containsBlanks" dxfId="6" priority="7">
      <formula>LEN(TRIM(D279))=0</formula>
    </cfRule>
  </conditionalFormatting>
  <conditionalFormatting sqref="D257:D278">
    <cfRule type="containsBlanks" dxfId="5" priority="8">
      <formula>LEN(TRIM(D257))=0</formula>
    </cfRule>
  </conditionalFormatting>
  <conditionalFormatting sqref="C185 C188:C190">
    <cfRule type="containsBlanks" dxfId="4" priority="5">
      <formula>LEN(TRIM(C185))=0</formula>
    </cfRule>
  </conditionalFormatting>
  <conditionalFormatting sqref="C192">
    <cfRule type="containsBlanks" dxfId="3" priority="4">
      <formula>LEN(TRIM(C192))=0</formula>
    </cfRule>
  </conditionalFormatting>
  <conditionalFormatting sqref="C191">
    <cfRule type="containsBlanks" dxfId="2" priority="3">
      <formula>LEN(TRIM(C191))=0</formula>
    </cfRule>
  </conditionalFormatting>
  <conditionalFormatting sqref="D117:D119">
    <cfRule type="containsBlanks" dxfId="1" priority="2">
      <formula>LEN(TRIM(D117))=0</formula>
    </cfRule>
  </conditionalFormatting>
  <conditionalFormatting sqref="C179">
    <cfRule type="containsBlanks" dxfId="0" priority="1">
      <formula>LEN(TRIM(C179))=0</formula>
    </cfRule>
  </conditionalFormatting>
  <hyperlinks>
    <hyperlink ref="C254" r:id="rId1" tooltip="http://www.vusch.sk" display="http://www.vusch.sk/"/>
    <hyperlink ref="C281" r:id="rId2" tooltip="http://www.vusch.sk" display="http://www.vusch.sk/"/>
  </hyperlinks>
  <printOptions horizontalCentered="1"/>
  <pageMargins left="0.70866141732283472" right="0.70866141732283472" top="0.9055118110236221" bottom="0.74803149606299213" header="0.31496062992125984" footer="0.31496062992125984"/>
  <pageSetup paperSize="9" scale="65" orientation="portrait" r:id="rId3"/>
  <headerFooter>
    <oddHeader>&amp;C&amp;"Arial,Normálne"&amp;16CENOVÁ PONUKA&amp;14
pre účel
prípravnej trhovej konzultácia a predbežného zapojenia záujemcov alebo uchádzačov (ďalej aj "PTK")</oddHeader>
    <oddFooter>&amp;CStrana &amp;P z &amp;N</oddFooter>
  </headerFooter>
  <rowBreaks count="5" manualBreakCount="5">
    <brk id="49" min="1" max="5" man="1"/>
    <brk id="163" min="1" max="5" man="1"/>
    <brk id="193" min="1" max="5" man="1"/>
    <brk id="233" min="1" max="5" man="1"/>
    <brk id="249" min="1" max="5" man="1"/>
  </rowBreaks>
  <drawing r:id="rId4"/>
  <legacyDrawing r:id="rId5"/>
  <mc:AlternateContent xmlns:mc="http://schemas.openxmlformats.org/markup-compatibility/2006">
    <mc:Choice Requires="x14">
      <controls>
        <mc:AlternateContent xmlns:mc="http://schemas.openxmlformats.org/markup-compatibility/2006">
          <mc:Choice Requires="x14">
            <control shapeId="8195" r:id="rId6"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7"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8" name="Check Box 5">
              <controlPr defaultSize="0" autoFill="0" autoLine="0" autoPict="0">
                <anchor moveWithCells="1">
                  <from>
                    <xdr:col>1</xdr:col>
                    <xdr:colOff>628650</xdr:colOff>
                    <xdr:row>36</xdr:row>
                    <xdr:rowOff>9525</xdr:rowOff>
                  </from>
                  <to>
                    <xdr:col>1</xdr:col>
                    <xdr:colOff>885825</xdr:colOff>
                    <xdr:row>36</xdr:row>
                    <xdr:rowOff>228600</xdr:rowOff>
                  </to>
                </anchor>
              </controlPr>
            </control>
          </mc:Choice>
        </mc:AlternateContent>
        <mc:AlternateContent xmlns:mc="http://schemas.openxmlformats.org/markup-compatibility/2006">
          <mc:Choice Requires="x14">
            <control shapeId="8198" r:id="rId9" name="Check Box 6">
              <controlPr defaultSize="0" autoFill="0" autoLine="0" autoPict="0">
                <anchor moveWithCells="1">
                  <from>
                    <xdr:col>1</xdr:col>
                    <xdr:colOff>628650</xdr:colOff>
                    <xdr:row>37</xdr:row>
                    <xdr:rowOff>0</xdr:rowOff>
                  </from>
                  <to>
                    <xdr:col>1</xdr:col>
                    <xdr:colOff>8858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2-03-15T14:23:16Z</cp:lastPrinted>
  <dcterms:created xsi:type="dcterms:W3CDTF">2017-04-21T05:51:15Z</dcterms:created>
  <dcterms:modified xsi:type="dcterms:W3CDTF">2022-03-15T14:23:19Z</dcterms:modified>
</cp:coreProperties>
</file>